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autoCompressPictures="0" defaultThemeVersion="164011"/>
  <mc:AlternateContent xmlns:mc="http://schemas.openxmlformats.org/markup-compatibility/2006">
    <mc:Choice Requires="x15">
      <x15ac:absPath xmlns:x15ac="http://schemas.microsoft.com/office/spreadsheetml/2010/11/ac" url="C:\Users\axrsc12\Daten\IBM\i2\iBase\Test\"/>
    </mc:Choice>
  </mc:AlternateContent>
  <bookViews>
    <workbookView xWindow="0" yWindow="0" windowWidth="28800" windowHeight="12460"/>
  </bookViews>
  <sheets>
    <sheet name="MOCK_DATA (1)" sheetId="1" r:id="rId1"/>
  </sheets>
  <calcPr calcId="0"/>
</workbook>
</file>

<file path=xl/sharedStrings.xml><?xml version="1.0" encoding="utf-8"?>
<sst xmlns="http://schemas.openxmlformats.org/spreadsheetml/2006/main" count="3004" uniqueCount="1938">
  <si>
    <t>first_name</t>
  </si>
  <si>
    <t>last_name</t>
  </si>
  <si>
    <t>dob</t>
  </si>
  <si>
    <t>gender</t>
  </si>
  <si>
    <t>Wandis</t>
  </si>
  <si>
    <t>Norster</t>
  </si>
  <si>
    <t>Female</t>
  </si>
  <si>
    <t>Jamaal</t>
  </si>
  <si>
    <t>Watsham</t>
  </si>
  <si>
    <t>Male</t>
  </si>
  <si>
    <t>Kariotta</t>
  </si>
  <si>
    <t>Dearsley</t>
  </si>
  <si>
    <t>Thornton</t>
  </si>
  <si>
    <t>Baynam</t>
  </si>
  <si>
    <t>Blythe</t>
  </si>
  <si>
    <t>Phoenix</t>
  </si>
  <si>
    <t>Agace</t>
  </si>
  <si>
    <t>Dockrill</t>
  </si>
  <si>
    <t>Barnabas</t>
  </si>
  <si>
    <t>Bosson</t>
  </si>
  <si>
    <t>Webster</t>
  </si>
  <si>
    <t>Wartnaby</t>
  </si>
  <si>
    <t>Garrett</t>
  </si>
  <si>
    <t>Sainte Paul</t>
  </si>
  <si>
    <t>Catina</t>
  </si>
  <si>
    <t>Owain</t>
  </si>
  <si>
    <t>Jill</t>
  </si>
  <si>
    <t>Crudginton</t>
  </si>
  <si>
    <t>Nola</t>
  </si>
  <si>
    <t>MacRonald</t>
  </si>
  <si>
    <t>Dani</t>
  </si>
  <si>
    <t>Kopecka</t>
  </si>
  <si>
    <t>Chrisse</t>
  </si>
  <si>
    <t>Collabine</t>
  </si>
  <si>
    <t>Mignon</t>
  </si>
  <si>
    <t>Pleass</t>
  </si>
  <si>
    <t>Anett</t>
  </si>
  <si>
    <t>Delahunty</t>
  </si>
  <si>
    <t>Karalee</t>
  </si>
  <si>
    <t>Brumfitt</t>
  </si>
  <si>
    <t>Valma</t>
  </si>
  <si>
    <t>McIlory</t>
  </si>
  <si>
    <t>Lilly</t>
  </si>
  <si>
    <t>Joiner</t>
  </si>
  <si>
    <t>Nita</t>
  </si>
  <si>
    <t>Snow</t>
  </si>
  <si>
    <t>Valentina</t>
  </si>
  <si>
    <t>Hellcat</t>
  </si>
  <si>
    <t>Jeffrey</t>
  </si>
  <si>
    <t>Braney</t>
  </si>
  <si>
    <t>Bronson</t>
  </si>
  <si>
    <t>McCaughren</t>
  </si>
  <si>
    <t>Devonne</t>
  </si>
  <si>
    <t>Gilyott</t>
  </si>
  <si>
    <t>Tiffy</t>
  </si>
  <si>
    <t>Galliford</t>
  </si>
  <si>
    <t>Merrily</t>
  </si>
  <si>
    <t>Ogers</t>
  </si>
  <si>
    <t>Fernandina</t>
  </si>
  <si>
    <t>Wilmore</t>
  </si>
  <si>
    <t>Blayne</t>
  </si>
  <si>
    <t>Sumsion</t>
  </si>
  <si>
    <t>Lon</t>
  </si>
  <si>
    <t>Bernini</t>
  </si>
  <si>
    <t>Malvin</t>
  </si>
  <si>
    <t>Gealy</t>
  </si>
  <si>
    <t>Feodora</t>
  </si>
  <si>
    <t>Hards</t>
  </si>
  <si>
    <t>Beverley</t>
  </si>
  <si>
    <t>Mustoo</t>
  </si>
  <si>
    <t>Bernadina</t>
  </si>
  <si>
    <t>Jukubczak</t>
  </si>
  <si>
    <t>Theo</t>
  </si>
  <si>
    <t>Nisbet</t>
  </si>
  <si>
    <t>Dorolisa</t>
  </si>
  <si>
    <t>Dmitrichenko</t>
  </si>
  <si>
    <t>Hillery</t>
  </si>
  <si>
    <t>Capozzi</t>
  </si>
  <si>
    <t>Link</t>
  </si>
  <si>
    <t>Ellwell</t>
  </si>
  <si>
    <t>Margarethe</t>
  </si>
  <si>
    <t>Joderli</t>
  </si>
  <si>
    <t>Auberon</t>
  </si>
  <si>
    <t>Barizeret</t>
  </si>
  <si>
    <t>Adan</t>
  </si>
  <si>
    <t>Hitzschke</t>
  </si>
  <si>
    <t>Kenton</t>
  </si>
  <si>
    <t>Annis</t>
  </si>
  <si>
    <t>Reece</t>
  </si>
  <si>
    <t>Palfreeman</t>
  </si>
  <si>
    <t>Jermaine</t>
  </si>
  <si>
    <t>Croyser</t>
  </si>
  <si>
    <t>Valene</t>
  </si>
  <si>
    <t>Allin</t>
  </si>
  <si>
    <t>Kendell</t>
  </si>
  <si>
    <t>Kuschek</t>
  </si>
  <si>
    <t>Gerry</t>
  </si>
  <si>
    <t>Clearley</t>
  </si>
  <si>
    <t>Marybelle</t>
  </si>
  <si>
    <t>Raimbauld</t>
  </si>
  <si>
    <t>Doro</t>
  </si>
  <si>
    <t>Mohring</t>
  </si>
  <si>
    <t>Erl</t>
  </si>
  <si>
    <t>Archard</t>
  </si>
  <si>
    <t>Honey</t>
  </si>
  <si>
    <t>Reilly</t>
  </si>
  <si>
    <t>Berenice</t>
  </si>
  <si>
    <t>Abramowitch</t>
  </si>
  <si>
    <t>Charleen</t>
  </si>
  <si>
    <t>Dran</t>
  </si>
  <si>
    <t>Nolie</t>
  </si>
  <si>
    <t>Chappelle</t>
  </si>
  <si>
    <t>Persis</t>
  </si>
  <si>
    <t>Bidgod</t>
  </si>
  <si>
    <t>Teri</t>
  </si>
  <si>
    <t>Checketts</t>
  </si>
  <si>
    <t>Alphonse</t>
  </si>
  <si>
    <t>Grassin</t>
  </si>
  <si>
    <t>Brittne</t>
  </si>
  <si>
    <t>MacArte</t>
  </si>
  <si>
    <t>Normand</t>
  </si>
  <si>
    <t>Fromont</t>
  </si>
  <si>
    <t>Chiquia</t>
  </si>
  <si>
    <t>Hatrey</t>
  </si>
  <si>
    <t>Elvina</t>
  </si>
  <si>
    <t>Fernez</t>
  </si>
  <si>
    <t>Zak</t>
  </si>
  <si>
    <t>Fabry</t>
  </si>
  <si>
    <t>Augustin</t>
  </si>
  <si>
    <t>Lye</t>
  </si>
  <si>
    <t>Cody</t>
  </si>
  <si>
    <t>Heake</t>
  </si>
  <si>
    <t>Cherida</t>
  </si>
  <si>
    <t>Peschmann</t>
  </si>
  <si>
    <t>Aubrie</t>
  </si>
  <si>
    <t>Tinsey</t>
  </si>
  <si>
    <t>Eadith</t>
  </si>
  <si>
    <t>Hawkshaw</t>
  </si>
  <si>
    <t>Hermia</t>
  </si>
  <si>
    <t>Adlam</t>
  </si>
  <si>
    <t>Mead</t>
  </si>
  <si>
    <t>Cominoli</t>
  </si>
  <si>
    <t>Ely</t>
  </si>
  <si>
    <t>Knightly</t>
  </si>
  <si>
    <t>Andromache</t>
  </si>
  <si>
    <t>Thurstance</t>
  </si>
  <si>
    <t>Sofie</t>
  </si>
  <si>
    <t>Pyper</t>
  </si>
  <si>
    <t>Stavros</t>
  </si>
  <si>
    <t>Ferre</t>
  </si>
  <si>
    <t>Fannie</t>
  </si>
  <si>
    <t>Poppleston</t>
  </si>
  <si>
    <t>Efrem</t>
  </si>
  <si>
    <t>Dilston</t>
  </si>
  <si>
    <t>Allx</t>
  </si>
  <si>
    <t>Salmond</t>
  </si>
  <si>
    <t>Halsy</t>
  </si>
  <si>
    <t>Drewson</t>
  </si>
  <si>
    <t>Peyton</t>
  </si>
  <si>
    <t>Cotesford</t>
  </si>
  <si>
    <t>Engracia</t>
  </si>
  <si>
    <t>Conyer</t>
  </si>
  <si>
    <t>Delinda</t>
  </si>
  <si>
    <t>Leverton</t>
  </si>
  <si>
    <t>Fredia</t>
  </si>
  <si>
    <t>Leeder</t>
  </si>
  <si>
    <t>Jocelyne</t>
  </si>
  <si>
    <t>Endersby</t>
  </si>
  <si>
    <t>Salomo</t>
  </si>
  <si>
    <t>Stores</t>
  </si>
  <si>
    <t>Lind</t>
  </si>
  <si>
    <t>Humpage</t>
  </si>
  <si>
    <t>Daffy</t>
  </si>
  <si>
    <t>McCard</t>
  </si>
  <si>
    <t>Mahalia</t>
  </si>
  <si>
    <t>Chaddock</t>
  </si>
  <si>
    <t>Neala</t>
  </si>
  <si>
    <t>Dearnaley</t>
  </si>
  <si>
    <t>Salvador</t>
  </si>
  <si>
    <t>Shah</t>
  </si>
  <si>
    <t>Gloriana</t>
  </si>
  <si>
    <t>MacWhirter</t>
  </si>
  <si>
    <t>Geri</t>
  </si>
  <si>
    <t>Fradgley</t>
  </si>
  <si>
    <t>Raffaello</t>
  </si>
  <si>
    <t>Pardy</t>
  </si>
  <si>
    <t>Bruno</t>
  </si>
  <si>
    <t>O' Dornan</t>
  </si>
  <si>
    <t>Brock</t>
  </si>
  <si>
    <t>Bielfeldt</t>
  </si>
  <si>
    <t>Wesley</t>
  </si>
  <si>
    <t>Armin</t>
  </si>
  <si>
    <t>O'Sirin</t>
  </si>
  <si>
    <t>Clerc</t>
  </si>
  <si>
    <t>Casina</t>
  </si>
  <si>
    <t>Alfie</t>
  </si>
  <si>
    <t>Fanshawe</t>
  </si>
  <si>
    <t>Abdel</t>
  </si>
  <si>
    <t>Joyes</t>
  </si>
  <si>
    <t>Sauveur</t>
  </si>
  <si>
    <t>Seal</t>
  </si>
  <si>
    <t>Tadeo</t>
  </si>
  <si>
    <t>Edkins</t>
  </si>
  <si>
    <t>Trueman</t>
  </si>
  <si>
    <t>Lille</t>
  </si>
  <si>
    <t>Adlai</t>
  </si>
  <si>
    <t>Jedrzaszkiewicz</t>
  </si>
  <si>
    <t>Evyn</t>
  </si>
  <si>
    <t>Limpenny</t>
  </si>
  <si>
    <t>Caresse</t>
  </si>
  <si>
    <t>Munkley</t>
  </si>
  <si>
    <t>Gabrila</t>
  </si>
  <si>
    <t>Poletto</t>
  </si>
  <si>
    <t>Levin</t>
  </si>
  <si>
    <t>Stronge</t>
  </si>
  <si>
    <t>Neal</t>
  </si>
  <si>
    <t>Talbot</t>
  </si>
  <si>
    <t>Caryl</t>
  </si>
  <si>
    <t>Desquesnes</t>
  </si>
  <si>
    <t>Fionnula</t>
  </si>
  <si>
    <t>Widdocks</t>
  </si>
  <si>
    <t>Willi</t>
  </si>
  <si>
    <t>Cloake</t>
  </si>
  <si>
    <t>Bar</t>
  </si>
  <si>
    <t>Luto</t>
  </si>
  <si>
    <t>Dorey</t>
  </si>
  <si>
    <t>Van Der Walt</t>
  </si>
  <si>
    <t>Thorvald</t>
  </si>
  <si>
    <t>Vials</t>
  </si>
  <si>
    <t>Inna</t>
  </si>
  <si>
    <t>Hobden</t>
  </si>
  <si>
    <t>Samson</t>
  </si>
  <si>
    <t>Christer</t>
  </si>
  <si>
    <t>Ricard</t>
  </si>
  <si>
    <t>Hodgins</t>
  </si>
  <si>
    <t>Lorry</t>
  </si>
  <si>
    <t>Dearlove</t>
  </si>
  <si>
    <t>Nana</t>
  </si>
  <si>
    <t>Jakubowsky</t>
  </si>
  <si>
    <t>Fallon</t>
  </si>
  <si>
    <t>Candlin</t>
  </si>
  <si>
    <t>Oralie</t>
  </si>
  <si>
    <t>Wotton</t>
  </si>
  <si>
    <t>Ree</t>
  </si>
  <si>
    <t>Maior</t>
  </si>
  <si>
    <t>Saloma</t>
  </si>
  <si>
    <t>Di Baudi</t>
  </si>
  <si>
    <t>Linn</t>
  </si>
  <si>
    <t>Clemencet</t>
  </si>
  <si>
    <t>Mervin</t>
  </si>
  <si>
    <t>Serjent</t>
  </si>
  <si>
    <t>Sal</t>
  </si>
  <si>
    <t>Van Arsdale</t>
  </si>
  <si>
    <t>Ginevra</t>
  </si>
  <si>
    <t>Van Merwe</t>
  </si>
  <si>
    <t>Elie</t>
  </si>
  <si>
    <t>Worts</t>
  </si>
  <si>
    <t>Renado</t>
  </si>
  <si>
    <t>Rainy</t>
  </si>
  <si>
    <t>Tressa</t>
  </si>
  <si>
    <t>Hollingdale</t>
  </si>
  <si>
    <t>Tybie</t>
  </si>
  <si>
    <t>Van Geffen</t>
  </si>
  <si>
    <t>Lucias</t>
  </si>
  <si>
    <t>Dalgardno</t>
  </si>
  <si>
    <t>De</t>
  </si>
  <si>
    <t>Guillotin</t>
  </si>
  <si>
    <t>Kendre</t>
  </si>
  <si>
    <t>Claye</t>
  </si>
  <si>
    <t>Morganne</t>
  </si>
  <si>
    <t>Droghan</t>
  </si>
  <si>
    <t>Guglielma</t>
  </si>
  <si>
    <t>Poulgreen</t>
  </si>
  <si>
    <t>Berna</t>
  </si>
  <si>
    <t>Pyke</t>
  </si>
  <si>
    <t>Jillene</t>
  </si>
  <si>
    <t>Juara</t>
  </si>
  <si>
    <t>Russ</t>
  </si>
  <si>
    <t>Battersby</t>
  </si>
  <si>
    <t>Claudie</t>
  </si>
  <si>
    <t>Linge</t>
  </si>
  <si>
    <t>Bogey</t>
  </si>
  <si>
    <t>Henaughan</t>
  </si>
  <si>
    <t>Lambert</t>
  </si>
  <si>
    <t>Shedden</t>
  </si>
  <si>
    <t>Roxane</t>
  </si>
  <si>
    <t>Brunotti</t>
  </si>
  <si>
    <t>Johny</t>
  </si>
  <si>
    <t>Chalfant</t>
  </si>
  <si>
    <t>Dorine</t>
  </si>
  <si>
    <t>Dusting</t>
  </si>
  <si>
    <t>Eolanda</t>
  </si>
  <si>
    <t>Noonan</t>
  </si>
  <si>
    <t>Bernita</t>
  </si>
  <si>
    <t>Scarborough</t>
  </si>
  <si>
    <t>Silvanus</t>
  </si>
  <si>
    <t>Meenehan</t>
  </si>
  <si>
    <t>Cal</t>
  </si>
  <si>
    <t>Milburn</t>
  </si>
  <si>
    <t>Octavia</t>
  </si>
  <si>
    <t>Sexstone</t>
  </si>
  <si>
    <t>Tome</t>
  </si>
  <si>
    <t>Hallwood</t>
  </si>
  <si>
    <t>Rawley</t>
  </si>
  <si>
    <t>Almond</t>
  </si>
  <si>
    <t>Haley</t>
  </si>
  <si>
    <t>Doxey</t>
  </si>
  <si>
    <t>Willy</t>
  </si>
  <si>
    <t>Jerrom</t>
  </si>
  <si>
    <t>D'arcy</t>
  </si>
  <si>
    <t>Fozzard</t>
  </si>
  <si>
    <t>Otha</t>
  </si>
  <si>
    <t>Shyres</t>
  </si>
  <si>
    <t>Jade</t>
  </si>
  <si>
    <t>Jovic</t>
  </si>
  <si>
    <t>Welsh</t>
  </si>
  <si>
    <t>Brockman</t>
  </si>
  <si>
    <t>Darcy</t>
  </si>
  <si>
    <t>Brotherhed</t>
  </si>
  <si>
    <t>Timoteo</t>
  </si>
  <si>
    <t>Raisher</t>
  </si>
  <si>
    <t>Delcina</t>
  </si>
  <si>
    <t>Bligh</t>
  </si>
  <si>
    <t>Phillipe</t>
  </si>
  <si>
    <t>Thowless</t>
  </si>
  <si>
    <t>Rosalinde</t>
  </si>
  <si>
    <t>Falconbridge</t>
  </si>
  <si>
    <t>Kerry</t>
  </si>
  <si>
    <t>Zambon</t>
  </si>
  <si>
    <t>Letti</t>
  </si>
  <si>
    <t>Phelipeaux</t>
  </si>
  <si>
    <t>Selig</t>
  </si>
  <si>
    <t>Eate</t>
  </si>
  <si>
    <t>Adara</t>
  </si>
  <si>
    <t>Melrose</t>
  </si>
  <si>
    <t>Morganica</t>
  </si>
  <si>
    <t>Hollyland</t>
  </si>
  <si>
    <t>Denyse</t>
  </si>
  <si>
    <t>Frow</t>
  </si>
  <si>
    <t>Lydon</t>
  </si>
  <si>
    <t>Spenceley</t>
  </si>
  <si>
    <t>Devinne</t>
  </si>
  <si>
    <t>Conring</t>
  </si>
  <si>
    <t>Neely</t>
  </si>
  <si>
    <t>Aireton</t>
  </si>
  <si>
    <t>Ketty</t>
  </si>
  <si>
    <t>Debow</t>
  </si>
  <si>
    <t>Horten</t>
  </si>
  <si>
    <t>Clawson</t>
  </si>
  <si>
    <t>Artemas</t>
  </si>
  <si>
    <t>Anan</t>
  </si>
  <si>
    <t>Cyril</t>
  </si>
  <si>
    <t>Biles</t>
  </si>
  <si>
    <t>Ennis</t>
  </si>
  <si>
    <t>Cluelow</t>
  </si>
  <si>
    <t>Reggis</t>
  </si>
  <si>
    <t>Cerro</t>
  </si>
  <si>
    <t>Risborough</t>
  </si>
  <si>
    <t>Nels</t>
  </si>
  <si>
    <t>Vesty</t>
  </si>
  <si>
    <t>Janene</t>
  </si>
  <si>
    <t>Massy</t>
  </si>
  <si>
    <t>Evaleen</t>
  </si>
  <si>
    <t>Douglas</t>
  </si>
  <si>
    <t>Meghann</t>
  </si>
  <si>
    <t>Mullinger</t>
  </si>
  <si>
    <t>Gideon</t>
  </si>
  <si>
    <t>Brettoner</t>
  </si>
  <si>
    <t>Lizette</t>
  </si>
  <si>
    <t>Mix</t>
  </si>
  <si>
    <t>Mirabelle</t>
  </si>
  <si>
    <t>Heaford</t>
  </si>
  <si>
    <t>Hatti</t>
  </si>
  <si>
    <t>McLeman</t>
  </si>
  <si>
    <t>Silas</t>
  </si>
  <si>
    <t>Dollimore</t>
  </si>
  <si>
    <t>Cathryn</t>
  </si>
  <si>
    <t>Beinke</t>
  </si>
  <si>
    <t>Bryanty</t>
  </si>
  <si>
    <t>Hrynczyk</t>
  </si>
  <si>
    <t>Tripp</t>
  </si>
  <si>
    <t>Goodie</t>
  </si>
  <si>
    <t>Ardyce</t>
  </si>
  <si>
    <t>Burgoine</t>
  </si>
  <si>
    <t>Orelee</t>
  </si>
  <si>
    <t>Isaacs</t>
  </si>
  <si>
    <t>Lotta</t>
  </si>
  <si>
    <t>Rusted</t>
  </si>
  <si>
    <t>Ursola</t>
  </si>
  <si>
    <t>Arp</t>
  </si>
  <si>
    <t>Bartholomew</t>
  </si>
  <si>
    <t>Fosbraey</t>
  </si>
  <si>
    <t>Donia</t>
  </si>
  <si>
    <t>Javes</t>
  </si>
  <si>
    <t>Johann</t>
  </si>
  <si>
    <t>Proffer</t>
  </si>
  <si>
    <t>Thain</t>
  </si>
  <si>
    <t>Skeath</t>
  </si>
  <si>
    <t>Lizbeth</t>
  </si>
  <si>
    <t>Acom</t>
  </si>
  <si>
    <t>Eugenio</t>
  </si>
  <si>
    <t>Thring</t>
  </si>
  <si>
    <t>Adamo</t>
  </si>
  <si>
    <t>Langston</t>
  </si>
  <si>
    <t>Zollie</t>
  </si>
  <si>
    <t>Copestake</t>
  </si>
  <si>
    <t>Maybelle</t>
  </si>
  <si>
    <t>Olsson</t>
  </si>
  <si>
    <t>Dyna</t>
  </si>
  <si>
    <t>Duffill</t>
  </si>
  <si>
    <t>Dotti</t>
  </si>
  <si>
    <t>Sweetman</t>
  </si>
  <si>
    <t>Emelyne</t>
  </si>
  <si>
    <t>Slimon</t>
  </si>
  <si>
    <t>Amil</t>
  </si>
  <si>
    <t>MacGahy</t>
  </si>
  <si>
    <t>Datha</t>
  </si>
  <si>
    <t>Cousen</t>
  </si>
  <si>
    <t>Caritta</t>
  </si>
  <si>
    <t>Danilov</t>
  </si>
  <si>
    <t>Noby</t>
  </si>
  <si>
    <t>Karolyi</t>
  </si>
  <si>
    <t>Marie-jeanne</t>
  </si>
  <si>
    <t>Pumphrey</t>
  </si>
  <si>
    <t>Cullan</t>
  </si>
  <si>
    <t>Vice</t>
  </si>
  <si>
    <t>Tomas</t>
  </si>
  <si>
    <t>Ramme</t>
  </si>
  <si>
    <t>Gretta</t>
  </si>
  <si>
    <t>Cardnell</t>
  </si>
  <si>
    <t>Coop</t>
  </si>
  <si>
    <t>Skipton</t>
  </si>
  <si>
    <t>Shermie</t>
  </si>
  <si>
    <t>Lewton</t>
  </si>
  <si>
    <t>Yasmeen</t>
  </si>
  <si>
    <t>Duffyn</t>
  </si>
  <si>
    <t>Daryl</t>
  </si>
  <si>
    <t>Crole</t>
  </si>
  <si>
    <t>Maritsa</t>
  </si>
  <si>
    <t>Antao</t>
  </si>
  <si>
    <t>Brucie</t>
  </si>
  <si>
    <t>Lalley</t>
  </si>
  <si>
    <t>Rudy</t>
  </si>
  <si>
    <t>Vaughton</t>
  </si>
  <si>
    <t>Tannie</t>
  </si>
  <si>
    <t>Montilla</t>
  </si>
  <si>
    <t>Carena</t>
  </si>
  <si>
    <t>Skeene</t>
  </si>
  <si>
    <t>Tyler</t>
  </si>
  <si>
    <t>Simonian</t>
  </si>
  <si>
    <t>Buiron</t>
  </si>
  <si>
    <t>Springford</t>
  </si>
  <si>
    <t>Iago</t>
  </si>
  <si>
    <t>Just</t>
  </si>
  <si>
    <t>Heloise</t>
  </si>
  <si>
    <t>Blinder</t>
  </si>
  <si>
    <t>Freddy</t>
  </si>
  <si>
    <t>Absolom</t>
  </si>
  <si>
    <t>Arnold</t>
  </si>
  <si>
    <t>Semered</t>
  </si>
  <si>
    <t>Bendix</t>
  </si>
  <si>
    <t>Joel</t>
  </si>
  <si>
    <t>Gareisr</t>
  </si>
  <si>
    <t>Janeva</t>
  </si>
  <si>
    <t>Valentinuzzi</t>
  </si>
  <si>
    <t>Lanny</t>
  </si>
  <si>
    <t>Poile</t>
  </si>
  <si>
    <t>Belia</t>
  </si>
  <si>
    <t>Craig</t>
  </si>
  <si>
    <t>Padraic</t>
  </si>
  <si>
    <t>Clemot</t>
  </si>
  <si>
    <t>Cheri</t>
  </si>
  <si>
    <t>Cutforth</t>
  </si>
  <si>
    <t>Germayne</t>
  </si>
  <si>
    <t>Holburn</t>
  </si>
  <si>
    <t>Giusto</t>
  </si>
  <si>
    <t>Fulun</t>
  </si>
  <si>
    <t>Artair</t>
  </si>
  <si>
    <t>Markos</t>
  </si>
  <si>
    <t>Aridatha</t>
  </si>
  <si>
    <t>Beynke</t>
  </si>
  <si>
    <t>Bartolemo</t>
  </si>
  <si>
    <t>Senechault</t>
  </si>
  <si>
    <t>Carol</t>
  </si>
  <si>
    <t>Durant</t>
  </si>
  <si>
    <t>Mace</t>
  </si>
  <si>
    <t>Eskriet</t>
  </si>
  <si>
    <t>Derrik</t>
  </si>
  <si>
    <t>Kitcatt</t>
  </si>
  <si>
    <t>Rolland</t>
  </si>
  <si>
    <t>Todarello</t>
  </si>
  <si>
    <t>Marcie</t>
  </si>
  <si>
    <t>Charnley</t>
  </si>
  <si>
    <t>Estele</t>
  </si>
  <si>
    <t>Klimes</t>
  </si>
  <si>
    <t>Cecelia</t>
  </si>
  <si>
    <t>Dumbrell</t>
  </si>
  <si>
    <t>Averell</t>
  </si>
  <si>
    <t>Haselgrove</t>
  </si>
  <si>
    <t>Barnie</t>
  </si>
  <si>
    <t>Gidley</t>
  </si>
  <si>
    <t>Kara</t>
  </si>
  <si>
    <t>Pooley</t>
  </si>
  <si>
    <t>Giselbert</t>
  </si>
  <si>
    <t>Pitcaithly</t>
  </si>
  <si>
    <t>Maryann</t>
  </si>
  <si>
    <t>Tomaszewicz</t>
  </si>
  <si>
    <t>Carl</t>
  </si>
  <si>
    <t>Gocher</t>
  </si>
  <si>
    <t>Clarita</t>
  </si>
  <si>
    <t>Dugmore</t>
  </si>
  <si>
    <t>Tansy</t>
  </si>
  <si>
    <t>Wrotchford</t>
  </si>
  <si>
    <t>Ralf</t>
  </si>
  <si>
    <t>Liddell</t>
  </si>
  <si>
    <t>Brynne</t>
  </si>
  <si>
    <t>Stutter</t>
  </si>
  <si>
    <t>Swen</t>
  </si>
  <si>
    <t>Whifen</t>
  </si>
  <si>
    <t>Byran</t>
  </si>
  <si>
    <t>Petrello</t>
  </si>
  <si>
    <t>Urson</t>
  </si>
  <si>
    <t>Haggith</t>
  </si>
  <si>
    <t>Shepperd</t>
  </si>
  <si>
    <t>Torricella</t>
  </si>
  <si>
    <t>Charil</t>
  </si>
  <si>
    <t>Cater</t>
  </si>
  <si>
    <t>Donelle</t>
  </si>
  <si>
    <t>Biggin</t>
  </si>
  <si>
    <t>Faustine</t>
  </si>
  <si>
    <t>Ullock</t>
  </si>
  <si>
    <t>Aldridge</t>
  </si>
  <si>
    <t>Elsmere</t>
  </si>
  <si>
    <t>Winifield</t>
  </si>
  <si>
    <t>Lygo</t>
  </si>
  <si>
    <t>Erminia</t>
  </si>
  <si>
    <t>Corneljes</t>
  </si>
  <si>
    <t>Norah</t>
  </si>
  <si>
    <t>Stollard</t>
  </si>
  <si>
    <t>Bridie</t>
  </si>
  <si>
    <t>Swett</t>
  </si>
  <si>
    <t>Bruce</t>
  </si>
  <si>
    <t>Cawthera</t>
  </si>
  <si>
    <t>Herta</t>
  </si>
  <si>
    <t>Casebourne</t>
  </si>
  <si>
    <t>Nonah</t>
  </si>
  <si>
    <t>Truce</t>
  </si>
  <si>
    <t>Pocklington</t>
  </si>
  <si>
    <t>Jephthah</t>
  </si>
  <si>
    <t>Matveyev</t>
  </si>
  <si>
    <t>Barth</t>
  </si>
  <si>
    <t>Keveren</t>
  </si>
  <si>
    <t>Ailene</t>
  </si>
  <si>
    <t>Clemmitt</t>
  </si>
  <si>
    <t>Jean</t>
  </si>
  <si>
    <t>Uglow</t>
  </si>
  <si>
    <t>Krissy</t>
  </si>
  <si>
    <t>Partener</t>
  </si>
  <si>
    <t>Lindsay</t>
  </si>
  <si>
    <t>Attawell</t>
  </si>
  <si>
    <t>Leopold</t>
  </si>
  <si>
    <t>Olivia</t>
  </si>
  <si>
    <t>Revkah</t>
  </si>
  <si>
    <t>Brisland</t>
  </si>
  <si>
    <t>Bart</t>
  </si>
  <si>
    <t>Macrow</t>
  </si>
  <si>
    <t>Kelsi</t>
  </si>
  <si>
    <t>Yaxley</t>
  </si>
  <si>
    <t>Sadie</t>
  </si>
  <si>
    <t>Ingrem</t>
  </si>
  <si>
    <t>Kari</t>
  </si>
  <si>
    <t>Ithell</t>
  </si>
  <si>
    <t>Crollman</t>
  </si>
  <si>
    <t>Engelbert</t>
  </si>
  <si>
    <t>Aucourte</t>
  </si>
  <si>
    <t>Clementine</t>
  </si>
  <si>
    <t>Shrubshall</t>
  </si>
  <si>
    <t>Lianna</t>
  </si>
  <si>
    <t>Arnfield</t>
  </si>
  <si>
    <t>Letta</t>
  </si>
  <si>
    <t>Dugget</t>
  </si>
  <si>
    <t>Alida</t>
  </si>
  <si>
    <t>Toun</t>
  </si>
  <si>
    <t>Kayley</t>
  </si>
  <si>
    <t>Karlotta</t>
  </si>
  <si>
    <t>Cherrett</t>
  </si>
  <si>
    <t>Collette</t>
  </si>
  <si>
    <t>Chidlow</t>
  </si>
  <si>
    <t>Cayla</t>
  </si>
  <si>
    <t>Sabin</t>
  </si>
  <si>
    <t>Glennie</t>
  </si>
  <si>
    <t>Leabeater</t>
  </si>
  <si>
    <t>Maggi</t>
  </si>
  <si>
    <t>Braithwaite</t>
  </si>
  <si>
    <t>Gerianna</t>
  </si>
  <si>
    <t>Relf</t>
  </si>
  <si>
    <t>Graham</t>
  </si>
  <si>
    <t>Wolfer</t>
  </si>
  <si>
    <t>Tarra</t>
  </si>
  <si>
    <t>Twelvetrees</t>
  </si>
  <si>
    <t>Amalee</t>
  </si>
  <si>
    <t>Boutflour</t>
  </si>
  <si>
    <t>Shawnee</t>
  </si>
  <si>
    <t>Bezzant</t>
  </si>
  <si>
    <t>Frank</t>
  </si>
  <si>
    <t>Albiston</t>
  </si>
  <si>
    <t>Nevsa</t>
  </si>
  <si>
    <t>Sumner</t>
  </si>
  <si>
    <t>Amelia</t>
  </si>
  <si>
    <t>Shugg</t>
  </si>
  <si>
    <t>Yance</t>
  </si>
  <si>
    <t>Naper</t>
  </si>
  <si>
    <t>Giffie</t>
  </si>
  <si>
    <t>Habden</t>
  </si>
  <si>
    <t>Juliane</t>
  </si>
  <si>
    <t>Figgs</t>
  </si>
  <si>
    <t>Adelaida</t>
  </si>
  <si>
    <t>Mattheus</t>
  </si>
  <si>
    <t>Wini</t>
  </si>
  <si>
    <t>Peerless</t>
  </si>
  <si>
    <t>Carlee</t>
  </si>
  <si>
    <t>Eakin</t>
  </si>
  <si>
    <t>Rafaellle</t>
  </si>
  <si>
    <t>Thomtson</t>
  </si>
  <si>
    <t>Ann-marie</t>
  </si>
  <si>
    <t>Walmsley</t>
  </si>
  <si>
    <t>Sherm</t>
  </si>
  <si>
    <t>Lermouth</t>
  </si>
  <si>
    <t>Rab</t>
  </si>
  <si>
    <t>Jacop</t>
  </si>
  <si>
    <t>Marve</t>
  </si>
  <si>
    <t>Wordsworth</t>
  </si>
  <si>
    <t>Trude</t>
  </si>
  <si>
    <t>Kruszelnicki</t>
  </si>
  <si>
    <t>Debby</t>
  </si>
  <si>
    <t>Corstorphine</t>
  </si>
  <si>
    <t>Fortun</t>
  </si>
  <si>
    <t>Gert</t>
  </si>
  <si>
    <t>Balharrie</t>
  </si>
  <si>
    <t>Ulberto</t>
  </si>
  <si>
    <t>Merigon</t>
  </si>
  <si>
    <t>Cort</t>
  </si>
  <si>
    <t>Lysons</t>
  </si>
  <si>
    <t>Sullivan</t>
  </si>
  <si>
    <t>Airy</t>
  </si>
  <si>
    <t>Florence</t>
  </si>
  <si>
    <t>Sibborn</t>
  </si>
  <si>
    <t>Ives</t>
  </si>
  <si>
    <t>Bothe</t>
  </si>
  <si>
    <t>Alec</t>
  </si>
  <si>
    <t>Jenks</t>
  </si>
  <si>
    <t>Englebert</t>
  </si>
  <si>
    <t>Salery</t>
  </si>
  <si>
    <t>Anna-diane</t>
  </si>
  <si>
    <t>Fairlie</t>
  </si>
  <si>
    <t>Marylinda</t>
  </si>
  <si>
    <t>Brickdale</t>
  </si>
  <si>
    <t>Victoir</t>
  </si>
  <si>
    <t>Atcheson</t>
  </si>
  <si>
    <t>Danyette</t>
  </si>
  <si>
    <t>Geeritz</t>
  </si>
  <si>
    <t>Valaria</t>
  </si>
  <si>
    <t>Foskin</t>
  </si>
  <si>
    <t>Thibaud</t>
  </si>
  <si>
    <t>Zylberdik</t>
  </si>
  <si>
    <t>Nikki</t>
  </si>
  <si>
    <t>Whittick</t>
  </si>
  <si>
    <t>Vern</t>
  </si>
  <si>
    <t>Ladbrook</t>
  </si>
  <si>
    <t>Nathaniel</t>
  </si>
  <si>
    <t>Lanceter</t>
  </si>
  <si>
    <t>Eberto</t>
  </si>
  <si>
    <t>Boice</t>
  </si>
  <si>
    <t>Sarah</t>
  </si>
  <si>
    <t>Whickman</t>
  </si>
  <si>
    <t>Andras</t>
  </si>
  <si>
    <t>Habgood</t>
  </si>
  <si>
    <t>Andrew</t>
  </si>
  <si>
    <t>Cotta</t>
  </si>
  <si>
    <t>Addie</t>
  </si>
  <si>
    <t>Gave</t>
  </si>
  <si>
    <t>Allan</t>
  </si>
  <si>
    <t>Redit</t>
  </si>
  <si>
    <t>Duncan</t>
  </si>
  <si>
    <t>Gabbat</t>
  </si>
  <si>
    <t>Elliott</t>
  </si>
  <si>
    <t>Hemstead</t>
  </si>
  <si>
    <t>Artie</t>
  </si>
  <si>
    <t>Crix</t>
  </si>
  <si>
    <t>Kyle</t>
  </si>
  <si>
    <t>Lennard</t>
  </si>
  <si>
    <t>Dulce</t>
  </si>
  <si>
    <t>Cheal</t>
  </si>
  <si>
    <t>Godart</t>
  </si>
  <si>
    <t>Danovich</t>
  </si>
  <si>
    <t>Flossie</t>
  </si>
  <si>
    <t>Cooney</t>
  </si>
  <si>
    <t>Carin</t>
  </si>
  <si>
    <t>Hennemann</t>
  </si>
  <si>
    <t>Stanley</t>
  </si>
  <si>
    <t>Hanford</t>
  </si>
  <si>
    <t>Naoma</t>
  </si>
  <si>
    <t>Verlinden</t>
  </si>
  <si>
    <t>Lennie</t>
  </si>
  <si>
    <t>Jancar</t>
  </si>
  <si>
    <t>Windham</t>
  </si>
  <si>
    <t>McAdam</t>
  </si>
  <si>
    <t>Chere</t>
  </si>
  <si>
    <t>Cassley</t>
  </si>
  <si>
    <t>Ruby</t>
  </si>
  <si>
    <t>Chalk</t>
  </si>
  <si>
    <t>Jaclin</t>
  </si>
  <si>
    <t>Lanchbery</t>
  </si>
  <si>
    <t>Matias</t>
  </si>
  <si>
    <t>Seabrocke</t>
  </si>
  <si>
    <t>Guthrie</t>
  </si>
  <si>
    <t>Huntingdon</t>
  </si>
  <si>
    <t>Kleon</t>
  </si>
  <si>
    <t>Strivens</t>
  </si>
  <si>
    <t>Barney</t>
  </si>
  <si>
    <t>Dyana</t>
  </si>
  <si>
    <t>Slessar</t>
  </si>
  <si>
    <t>Mozes</t>
  </si>
  <si>
    <t>McGuigan</t>
  </si>
  <si>
    <t>Novelia</t>
  </si>
  <si>
    <t>Treslove</t>
  </si>
  <si>
    <t>Adair</t>
  </si>
  <si>
    <t>Pickford</t>
  </si>
  <si>
    <t>Joyous</t>
  </si>
  <si>
    <t>Venes</t>
  </si>
  <si>
    <t>Michell</t>
  </si>
  <si>
    <t>Flitcroft</t>
  </si>
  <si>
    <t>Tamar</t>
  </si>
  <si>
    <t>Gawthorpe</t>
  </si>
  <si>
    <t>Danny</t>
  </si>
  <si>
    <t>McMonies</t>
  </si>
  <si>
    <t>Gaelan</t>
  </si>
  <si>
    <t>Mickan</t>
  </si>
  <si>
    <t>O'Mohun</t>
  </si>
  <si>
    <t>Minda</t>
  </si>
  <si>
    <t>Dewhurst</t>
  </si>
  <si>
    <t>Laurena</t>
  </si>
  <si>
    <t>Malamore</t>
  </si>
  <si>
    <t>Karie</t>
  </si>
  <si>
    <t>Mignot</t>
  </si>
  <si>
    <t>Fayina</t>
  </si>
  <si>
    <t>Kneal</t>
  </si>
  <si>
    <t>Sterling</t>
  </si>
  <si>
    <t>Gilliver</t>
  </si>
  <si>
    <t>Dreddy</t>
  </si>
  <si>
    <t>Capnerhurst</t>
  </si>
  <si>
    <t>Melisenda</t>
  </si>
  <si>
    <t>Bigly</t>
  </si>
  <si>
    <t>Deina</t>
  </si>
  <si>
    <t>Spillett</t>
  </si>
  <si>
    <t>Emmalynn</t>
  </si>
  <si>
    <t>Bony</t>
  </si>
  <si>
    <t>Staci</t>
  </si>
  <si>
    <t>Samme</t>
  </si>
  <si>
    <t>Halette</t>
  </si>
  <si>
    <t>Brien</t>
  </si>
  <si>
    <t>Issiah</t>
  </si>
  <si>
    <t>Shayes</t>
  </si>
  <si>
    <t>Otes</t>
  </si>
  <si>
    <t>Pridgeon</t>
  </si>
  <si>
    <t>Emiline</t>
  </si>
  <si>
    <t>Coom</t>
  </si>
  <si>
    <t>Gabrielle</t>
  </si>
  <si>
    <t>Keller</t>
  </si>
  <si>
    <t>Gino</t>
  </si>
  <si>
    <t>Gidman</t>
  </si>
  <si>
    <t>Guglielmo</t>
  </si>
  <si>
    <t>Jowle</t>
  </si>
  <si>
    <t>Jeanie</t>
  </si>
  <si>
    <t>Haugg</t>
  </si>
  <si>
    <t>Vonny</t>
  </si>
  <si>
    <t>Dacey</t>
  </si>
  <si>
    <t>Innis</t>
  </si>
  <si>
    <t>Dudny</t>
  </si>
  <si>
    <t>Padgett</t>
  </si>
  <si>
    <t>Torfin</t>
  </si>
  <si>
    <t>Noella</t>
  </si>
  <si>
    <t>Kyberd</t>
  </si>
  <si>
    <t>Wendall</t>
  </si>
  <si>
    <t>Dunabie</t>
  </si>
  <si>
    <t>Jaquith</t>
  </si>
  <si>
    <t>Petett</t>
  </si>
  <si>
    <t>Sinclair</t>
  </si>
  <si>
    <t>Vyel</t>
  </si>
  <si>
    <t>Barn</t>
  </si>
  <si>
    <t>O'Deegan</t>
  </si>
  <si>
    <t>Richmond</t>
  </si>
  <si>
    <t>Mano</t>
  </si>
  <si>
    <t>Eltringham</t>
  </si>
  <si>
    <t>Kimmi</t>
  </si>
  <si>
    <t>Kasparski</t>
  </si>
  <si>
    <t>Susanna</t>
  </si>
  <si>
    <t>Portman</t>
  </si>
  <si>
    <t>Phaedra</t>
  </si>
  <si>
    <t>Schrieves</t>
  </si>
  <si>
    <t>Lanette</t>
  </si>
  <si>
    <t>Teeney</t>
  </si>
  <si>
    <t>Hughie</t>
  </si>
  <si>
    <t>Mottershaw</t>
  </si>
  <si>
    <t>Bartholemy</t>
  </si>
  <si>
    <t>Easter</t>
  </si>
  <si>
    <t>Hilton</t>
  </si>
  <si>
    <t>Ferie</t>
  </si>
  <si>
    <t>Alaine</t>
  </si>
  <si>
    <t>Karchowski</t>
  </si>
  <si>
    <t>Jerri</t>
  </si>
  <si>
    <t>Swanborough</t>
  </si>
  <si>
    <t>Salmon</t>
  </si>
  <si>
    <t>Bewfield</t>
  </si>
  <si>
    <t>Ogden</t>
  </si>
  <si>
    <t>Darton</t>
  </si>
  <si>
    <t>Lionello</t>
  </si>
  <si>
    <t>Noquet</t>
  </si>
  <si>
    <t>Morena</t>
  </si>
  <si>
    <t>Aarons</t>
  </si>
  <si>
    <t>Levey</t>
  </si>
  <si>
    <t>Ballendine</t>
  </si>
  <si>
    <t>Guillema</t>
  </si>
  <si>
    <t>Quinlan</t>
  </si>
  <si>
    <t>Anne</t>
  </si>
  <si>
    <t>Ivanchikov</t>
  </si>
  <si>
    <t>Delora</t>
  </si>
  <si>
    <t>Pool</t>
  </si>
  <si>
    <t>Ashbey</t>
  </si>
  <si>
    <t>Riepl</t>
  </si>
  <si>
    <t>Rossie</t>
  </si>
  <si>
    <t>Pancoast</t>
  </si>
  <si>
    <t>Florrie</t>
  </si>
  <si>
    <t>Crier</t>
  </si>
  <si>
    <t>Gennifer</t>
  </si>
  <si>
    <t>Hurtado</t>
  </si>
  <si>
    <t>Bradly</t>
  </si>
  <si>
    <t>Wardesworth</t>
  </si>
  <si>
    <t>Etheline</t>
  </si>
  <si>
    <t>Deschelle</t>
  </si>
  <si>
    <t>Penni</t>
  </si>
  <si>
    <t>Weinham</t>
  </si>
  <si>
    <t>Salomone</t>
  </si>
  <si>
    <t>Lacase</t>
  </si>
  <si>
    <t>Sergent</t>
  </si>
  <si>
    <t>MacConnechie</t>
  </si>
  <si>
    <t>Hussein</t>
  </si>
  <si>
    <t>Germann</t>
  </si>
  <si>
    <t>Claus</t>
  </si>
  <si>
    <t>Alexandrou</t>
  </si>
  <si>
    <t>Heriberto</t>
  </si>
  <si>
    <t>Lawly</t>
  </si>
  <si>
    <t>Andros</t>
  </si>
  <si>
    <t>Middiff</t>
  </si>
  <si>
    <t>Christan</t>
  </si>
  <si>
    <t>Dolohunty</t>
  </si>
  <si>
    <t>Raeann</t>
  </si>
  <si>
    <t>MacCarrane</t>
  </si>
  <si>
    <t>Koral</t>
  </si>
  <si>
    <t>Meale</t>
  </si>
  <si>
    <t>Kristopher</t>
  </si>
  <si>
    <t>Bendig</t>
  </si>
  <si>
    <t>Janeczka</t>
  </si>
  <si>
    <t>Croom</t>
  </si>
  <si>
    <t>Israel</t>
  </si>
  <si>
    <t>Mongeot</t>
  </si>
  <si>
    <t>Lilith</t>
  </si>
  <si>
    <t>Bollis</t>
  </si>
  <si>
    <t>Laurence</t>
  </si>
  <si>
    <t>Rowles</t>
  </si>
  <si>
    <t>Ferrel</t>
  </si>
  <si>
    <t>Gurrado</t>
  </si>
  <si>
    <t>Farleigh</t>
  </si>
  <si>
    <t>Valentinetti</t>
  </si>
  <si>
    <t>Mathew</t>
  </si>
  <si>
    <t>Meggison</t>
  </si>
  <si>
    <t>Lynn</t>
  </si>
  <si>
    <t>Enriquez</t>
  </si>
  <si>
    <t>Alard</t>
  </si>
  <si>
    <t>Bilfoot</t>
  </si>
  <si>
    <t>Faye</t>
  </si>
  <si>
    <t>Saunper</t>
  </si>
  <si>
    <t>Adella</t>
  </si>
  <si>
    <t>Acum</t>
  </si>
  <si>
    <t>David</t>
  </si>
  <si>
    <t>Laister</t>
  </si>
  <si>
    <t>Rosie</t>
  </si>
  <si>
    <t>McTrustrie</t>
  </si>
  <si>
    <t>Yoko</t>
  </si>
  <si>
    <t>Redington</t>
  </si>
  <si>
    <t>Rebecca</t>
  </si>
  <si>
    <t>Goosnell</t>
  </si>
  <si>
    <t>Chrysler</t>
  </si>
  <si>
    <t>Cutmere</t>
  </si>
  <si>
    <t>Andreana</t>
  </si>
  <si>
    <t>Bedrosian</t>
  </si>
  <si>
    <t>Kaycee</t>
  </si>
  <si>
    <t>Waddilove</t>
  </si>
  <si>
    <t>Zebulon</t>
  </si>
  <si>
    <t>Blitz</t>
  </si>
  <si>
    <t>Timothea</t>
  </si>
  <si>
    <t>Wehner</t>
  </si>
  <si>
    <t>Regina</t>
  </si>
  <si>
    <t>O'Crigane</t>
  </si>
  <si>
    <t>Gale</t>
  </si>
  <si>
    <t>Brereton</t>
  </si>
  <si>
    <t>Arluene</t>
  </si>
  <si>
    <t>Folker</t>
  </si>
  <si>
    <t>Conn</t>
  </si>
  <si>
    <t>Parsons</t>
  </si>
  <si>
    <t>Benedetta</t>
  </si>
  <si>
    <t>Matteau</t>
  </si>
  <si>
    <t>Robena</t>
  </si>
  <si>
    <t>Shillaker</t>
  </si>
  <si>
    <t>Maury</t>
  </si>
  <si>
    <t>Labell</t>
  </si>
  <si>
    <t>Greggory</t>
  </si>
  <si>
    <t>Gothard</t>
  </si>
  <si>
    <t>Malinde</t>
  </si>
  <si>
    <t>Cleef</t>
  </si>
  <si>
    <t>Violetta</t>
  </si>
  <si>
    <t>Yerrall</t>
  </si>
  <si>
    <t>Sol</t>
  </si>
  <si>
    <t>Sydenham</t>
  </si>
  <si>
    <t>Eunice</t>
  </si>
  <si>
    <t>Lambell</t>
  </si>
  <si>
    <t>Les</t>
  </si>
  <si>
    <t>Abry</t>
  </si>
  <si>
    <t>Marcus</t>
  </si>
  <si>
    <t>Humbert</t>
  </si>
  <si>
    <t>Dulcine</t>
  </si>
  <si>
    <t>Hadrill</t>
  </si>
  <si>
    <t>Oswald</t>
  </si>
  <si>
    <t>Chatan</t>
  </si>
  <si>
    <t>Gibb</t>
  </si>
  <si>
    <t>Lagen</t>
  </si>
  <si>
    <t>Fitzgerald</t>
  </si>
  <si>
    <t>Pettigrew</t>
  </si>
  <si>
    <t>Dinley</t>
  </si>
  <si>
    <t>Sheelah</t>
  </si>
  <si>
    <t>Eschalotte</t>
  </si>
  <si>
    <t>Donal</t>
  </si>
  <si>
    <t>Rosengart</t>
  </si>
  <si>
    <t>Austina</t>
  </si>
  <si>
    <t>Sibbson</t>
  </si>
  <si>
    <t>Mordecai</t>
  </si>
  <si>
    <t>Boulsher</t>
  </si>
  <si>
    <t>Kori</t>
  </si>
  <si>
    <t>Worsfield</t>
  </si>
  <si>
    <t>Marlane</t>
  </si>
  <si>
    <t>Urion</t>
  </si>
  <si>
    <t>Siffre</t>
  </si>
  <si>
    <t>Prestage</t>
  </si>
  <si>
    <t>Marcela</t>
  </si>
  <si>
    <t>Khristoforov</t>
  </si>
  <si>
    <t>Wenonah</t>
  </si>
  <si>
    <t>Domeny</t>
  </si>
  <si>
    <t>Rob</t>
  </si>
  <si>
    <t>Morley</t>
  </si>
  <si>
    <t>Chick</t>
  </si>
  <si>
    <t>Thickpenny</t>
  </si>
  <si>
    <t>Reggi</t>
  </si>
  <si>
    <t>Romayn</t>
  </si>
  <si>
    <t>Myra</t>
  </si>
  <si>
    <t>Pauli</t>
  </si>
  <si>
    <t>Hanna</t>
  </si>
  <si>
    <t>Imlin</t>
  </si>
  <si>
    <t>Winston</t>
  </si>
  <si>
    <t>Bridger</t>
  </si>
  <si>
    <t>Oriana</t>
  </si>
  <si>
    <t>Gunda</t>
  </si>
  <si>
    <t>Ramonda</t>
  </si>
  <si>
    <t>Ridoutt</t>
  </si>
  <si>
    <t>Yvor</t>
  </si>
  <si>
    <t>Le Sarr</t>
  </si>
  <si>
    <t>Ned</t>
  </si>
  <si>
    <t>Folcarelli</t>
  </si>
  <si>
    <t>Alice</t>
  </si>
  <si>
    <t>Vaugham</t>
  </si>
  <si>
    <t>Curtis</t>
  </si>
  <si>
    <t>Selby</t>
  </si>
  <si>
    <t>Colan</t>
  </si>
  <si>
    <t>Valentin</t>
  </si>
  <si>
    <t>Buck</t>
  </si>
  <si>
    <t>St Ledger</t>
  </si>
  <si>
    <t>Ines</t>
  </si>
  <si>
    <t>Manuele</t>
  </si>
  <si>
    <t>Cyrill</t>
  </si>
  <si>
    <t>Jurewicz</t>
  </si>
  <si>
    <t>Shannon</t>
  </si>
  <si>
    <t>Tydd</t>
  </si>
  <si>
    <t>Zita</t>
  </si>
  <si>
    <t>Gregoriou</t>
  </si>
  <si>
    <t>Nataniel</t>
  </si>
  <si>
    <t>Hazeley</t>
  </si>
  <si>
    <t>Raffarty</t>
  </si>
  <si>
    <t>Delap</t>
  </si>
  <si>
    <t>Birdie</t>
  </si>
  <si>
    <t>Malcolmson</t>
  </si>
  <si>
    <t>Ellswerth</t>
  </si>
  <si>
    <t>Troyes</t>
  </si>
  <si>
    <t>Angeline</t>
  </si>
  <si>
    <t>Lowther</t>
  </si>
  <si>
    <t>Mariana</t>
  </si>
  <si>
    <t>Chstney</t>
  </si>
  <si>
    <t>Christian</t>
  </si>
  <si>
    <t>Minshaw</t>
  </si>
  <si>
    <t>Arnie</t>
  </si>
  <si>
    <t>Bloy</t>
  </si>
  <si>
    <t>Eleanor</t>
  </si>
  <si>
    <t>Oake</t>
  </si>
  <si>
    <t>Patrizius</t>
  </si>
  <si>
    <t>Giacomoni</t>
  </si>
  <si>
    <t>My</t>
  </si>
  <si>
    <t>Marzelle</t>
  </si>
  <si>
    <t>Shirlee</t>
  </si>
  <si>
    <t>Savil</t>
  </si>
  <si>
    <t>Gearalt</t>
  </si>
  <si>
    <t>Cloy</t>
  </si>
  <si>
    <t>Albert</t>
  </si>
  <si>
    <t>Akess</t>
  </si>
  <si>
    <t>Rentz</t>
  </si>
  <si>
    <t>Dewain</t>
  </si>
  <si>
    <t>Crucitti</t>
  </si>
  <si>
    <t>Antoine</t>
  </si>
  <si>
    <t>Masdin</t>
  </si>
  <si>
    <t>Johannes</t>
  </si>
  <si>
    <t>Flecknoe</t>
  </si>
  <si>
    <t>Redford</t>
  </si>
  <si>
    <t>Drinan</t>
  </si>
  <si>
    <t>Erick</t>
  </si>
  <si>
    <t>Revett</t>
  </si>
  <si>
    <t>Glanton</t>
  </si>
  <si>
    <t>Tellett</t>
  </si>
  <si>
    <t>Ancell</t>
  </si>
  <si>
    <t>Doohan</t>
  </si>
  <si>
    <t>Vanyukhin</t>
  </si>
  <si>
    <t>Jocelin</t>
  </si>
  <si>
    <t>Axtonne</t>
  </si>
  <si>
    <t>Maurene</t>
  </si>
  <si>
    <t>Wildblood</t>
  </si>
  <si>
    <t>Shirleen</t>
  </si>
  <si>
    <t>Mandrake</t>
  </si>
  <si>
    <t>Brita</t>
  </si>
  <si>
    <t>Ghidoni</t>
  </si>
  <si>
    <t>Rosemary</t>
  </si>
  <si>
    <t>Quin</t>
  </si>
  <si>
    <t>Roana</t>
  </si>
  <si>
    <t>Dumbleton</t>
  </si>
  <si>
    <t>Toni</t>
  </si>
  <si>
    <t>Maggill'Andreis</t>
  </si>
  <si>
    <t>Kaila</t>
  </si>
  <si>
    <t>Tebbut</t>
  </si>
  <si>
    <t>Matt</t>
  </si>
  <si>
    <t>Tinwell</t>
  </si>
  <si>
    <t>Trip</t>
  </si>
  <si>
    <t>Blakey</t>
  </si>
  <si>
    <t>Simmon</t>
  </si>
  <si>
    <t>Mario</t>
  </si>
  <si>
    <t>Conford</t>
  </si>
  <si>
    <t>Cherise</t>
  </si>
  <si>
    <t>Cassella</t>
  </si>
  <si>
    <t>Jaynell</t>
  </si>
  <si>
    <t>Prendergrass</t>
  </si>
  <si>
    <t>Beryle</t>
  </si>
  <si>
    <t>Coote</t>
  </si>
  <si>
    <t>Rand</t>
  </si>
  <si>
    <t>Bloore</t>
  </si>
  <si>
    <t>Jarrett</t>
  </si>
  <si>
    <t>Murrhaupt</t>
  </si>
  <si>
    <t>Eleonora</t>
  </si>
  <si>
    <t>Verrill</t>
  </si>
  <si>
    <t>Agneau</t>
  </si>
  <si>
    <t>Curtice</t>
  </si>
  <si>
    <t>Pobjoy</t>
  </si>
  <si>
    <t>Karlens</t>
  </si>
  <si>
    <t>Kilmister</t>
  </si>
  <si>
    <t>Dominick</t>
  </si>
  <si>
    <t>McCalum</t>
  </si>
  <si>
    <t>Mab</t>
  </si>
  <si>
    <t>Eldrett</t>
  </si>
  <si>
    <t>Casillas</t>
  </si>
  <si>
    <t>Pru</t>
  </si>
  <si>
    <t>Strut</t>
  </si>
  <si>
    <t>Kathe</t>
  </si>
  <si>
    <t>Furley</t>
  </si>
  <si>
    <t>Margy</t>
  </si>
  <si>
    <t>Quittonden</t>
  </si>
  <si>
    <t>Rayshell</t>
  </si>
  <si>
    <t>Grgic</t>
  </si>
  <si>
    <t>Hercule</t>
  </si>
  <si>
    <t>Mew</t>
  </si>
  <si>
    <t>Germain</t>
  </si>
  <si>
    <t>Franklin</t>
  </si>
  <si>
    <t>Tabby</t>
  </si>
  <si>
    <t>Phillott</t>
  </si>
  <si>
    <t>Oneida</t>
  </si>
  <si>
    <t>Terrell</t>
  </si>
  <si>
    <t>Merv</t>
  </si>
  <si>
    <t>Maxworthy</t>
  </si>
  <si>
    <t>Riordan</t>
  </si>
  <si>
    <t>Regglar</t>
  </si>
  <si>
    <t>Maryjo</t>
  </si>
  <si>
    <t>Wankling</t>
  </si>
  <si>
    <t>Goraud</t>
  </si>
  <si>
    <t>Boler</t>
  </si>
  <si>
    <t>Jan</t>
  </si>
  <si>
    <t>Mort</t>
  </si>
  <si>
    <t>Fritz</t>
  </si>
  <si>
    <t>Siemianowicz</t>
  </si>
  <si>
    <t>Ulrika</t>
  </si>
  <si>
    <t>Heasley</t>
  </si>
  <si>
    <t>Bernice</t>
  </si>
  <si>
    <t>Orrock</t>
  </si>
  <si>
    <t>Zaneta</t>
  </si>
  <si>
    <t>Duchart</t>
  </si>
  <si>
    <t>Nevile</t>
  </si>
  <si>
    <t>Rooze</t>
  </si>
  <si>
    <t>Joelly</t>
  </si>
  <si>
    <t>Fruin</t>
  </si>
  <si>
    <t>Nerita</t>
  </si>
  <si>
    <t>Notti</t>
  </si>
  <si>
    <t>Tito</t>
  </si>
  <si>
    <t>Bellas</t>
  </si>
  <si>
    <t>Salomon</t>
  </si>
  <si>
    <t>Arkin</t>
  </si>
  <si>
    <t>Brandi</t>
  </si>
  <si>
    <t>Gianettini</t>
  </si>
  <si>
    <t>Ermengarde</t>
  </si>
  <si>
    <t>Clemitt</t>
  </si>
  <si>
    <t>Cash</t>
  </si>
  <si>
    <t>Copland</t>
  </si>
  <si>
    <t>Milissent</t>
  </si>
  <si>
    <t>Doblin</t>
  </si>
  <si>
    <t>Penelope</t>
  </si>
  <si>
    <t>Cargon</t>
  </si>
  <si>
    <t>Kelly</t>
  </si>
  <si>
    <t>Creese</t>
  </si>
  <si>
    <t>Daune</t>
  </si>
  <si>
    <t>Liell</t>
  </si>
  <si>
    <t>Anders</t>
  </si>
  <si>
    <t>Jorn</t>
  </si>
  <si>
    <t>Ursula</t>
  </si>
  <si>
    <t>Hodcroft</t>
  </si>
  <si>
    <t>Bernie</t>
  </si>
  <si>
    <t>Batram</t>
  </si>
  <si>
    <t>Ulises</t>
  </si>
  <si>
    <t>Tooher</t>
  </si>
  <si>
    <t>Jack</t>
  </si>
  <si>
    <t>Danshin</t>
  </si>
  <si>
    <t>Charity</t>
  </si>
  <si>
    <t>Wrathmall</t>
  </si>
  <si>
    <t>Stack</t>
  </si>
  <si>
    <t>Cristal</t>
  </si>
  <si>
    <t>Beushaw</t>
  </si>
  <si>
    <t>Katuscha</t>
  </si>
  <si>
    <t>Gething</t>
  </si>
  <si>
    <t>Tom</t>
  </si>
  <si>
    <t>Fibbit</t>
  </si>
  <si>
    <t>Issie</t>
  </si>
  <si>
    <t>Poff</t>
  </si>
  <si>
    <t>Katherine</t>
  </si>
  <si>
    <t>Cantrell</t>
  </si>
  <si>
    <t>Hamil</t>
  </si>
  <si>
    <t>Valenti</t>
  </si>
  <si>
    <t>Zara</t>
  </si>
  <si>
    <t>Checcucci</t>
  </si>
  <si>
    <t>Fenelia</t>
  </si>
  <si>
    <t>Pauletto</t>
  </si>
  <si>
    <t>Fessby</t>
  </si>
  <si>
    <t>Gertrud</t>
  </si>
  <si>
    <t>Crinage</t>
  </si>
  <si>
    <t>Paviour</t>
  </si>
  <si>
    <t>Morgen</t>
  </si>
  <si>
    <t>Goodlatt</t>
  </si>
  <si>
    <t>Elsbeth</t>
  </si>
  <si>
    <t>Ludwell</t>
  </si>
  <si>
    <t>Onida</t>
  </si>
  <si>
    <t>Spours</t>
  </si>
  <si>
    <t>Dorolice</t>
  </si>
  <si>
    <t>Schieferstein</t>
  </si>
  <si>
    <t>Abbott</t>
  </si>
  <si>
    <t>Duncklee</t>
  </si>
  <si>
    <t>La verne</t>
  </si>
  <si>
    <t>Arrandale</t>
  </si>
  <si>
    <t>Robby</t>
  </si>
  <si>
    <t>Carabet</t>
  </si>
  <si>
    <t>Ferdy</t>
  </si>
  <si>
    <t>Dy</t>
  </si>
  <si>
    <t>Loria</t>
  </si>
  <si>
    <t>Goncaves</t>
  </si>
  <si>
    <t>Townsend</t>
  </si>
  <si>
    <t>Elfleet</t>
  </si>
  <si>
    <t>Garrik</t>
  </si>
  <si>
    <t>Pietruschka</t>
  </si>
  <si>
    <t>Gay</t>
  </si>
  <si>
    <t>Laroux</t>
  </si>
  <si>
    <t>Molly</t>
  </si>
  <si>
    <t>Schruur</t>
  </si>
  <si>
    <t>Welby</t>
  </si>
  <si>
    <t>Lohering</t>
  </si>
  <si>
    <t>Frasier</t>
  </si>
  <si>
    <t>Facey</t>
  </si>
  <si>
    <t>Benoite</t>
  </si>
  <si>
    <t>Summerton</t>
  </si>
  <si>
    <t>Pinchas</t>
  </si>
  <si>
    <t>Whitcomb</t>
  </si>
  <si>
    <t>Bernadene</t>
  </si>
  <si>
    <t>Allbones</t>
  </si>
  <si>
    <t>Heinrick</t>
  </si>
  <si>
    <t>Phillipp</t>
  </si>
  <si>
    <t>Aguie</t>
  </si>
  <si>
    <t>Beades</t>
  </si>
  <si>
    <t>Larissa</t>
  </si>
  <si>
    <t>MacDonell</t>
  </si>
  <si>
    <t>Mercie</t>
  </si>
  <si>
    <t>MacGoun</t>
  </si>
  <si>
    <t>Ransell</t>
  </si>
  <si>
    <t>Edlin</t>
  </si>
  <si>
    <t>Boycie</t>
  </si>
  <si>
    <t>Bilbrey</t>
  </si>
  <si>
    <t>Evita</t>
  </si>
  <si>
    <t>Micheli</t>
  </si>
  <si>
    <t>Megen</t>
  </si>
  <si>
    <t>Bandy</t>
  </si>
  <si>
    <t>Roley</t>
  </si>
  <si>
    <t>Cracker</t>
  </si>
  <si>
    <t>Caresa</t>
  </si>
  <si>
    <t>Dugan</t>
  </si>
  <si>
    <t>Orton</t>
  </si>
  <si>
    <t>Cristoforetti</t>
  </si>
  <si>
    <t>Karlotte</t>
  </si>
  <si>
    <t>Feighry</t>
  </si>
  <si>
    <t>Kevyn</t>
  </si>
  <si>
    <t>Lonsbrough</t>
  </si>
  <si>
    <t>Egbert</t>
  </si>
  <si>
    <t>Van Der Weedenburg</t>
  </si>
  <si>
    <t>Cassie</t>
  </si>
  <si>
    <t>MacDonough</t>
  </si>
  <si>
    <t>Christofol</t>
  </si>
  <si>
    <t>Chiarra</t>
  </si>
  <si>
    <t>Colkett</t>
  </si>
  <si>
    <t>Danya</t>
  </si>
  <si>
    <t>Lantiff</t>
  </si>
  <si>
    <t>Wallis</t>
  </si>
  <si>
    <t>Annadiana</t>
  </si>
  <si>
    <t>Toland</t>
  </si>
  <si>
    <t>Angelle</t>
  </si>
  <si>
    <t>Pirrie</t>
  </si>
  <si>
    <t>Kelledy</t>
  </si>
  <si>
    <t>Kylila</t>
  </si>
  <si>
    <t>Mc Pake</t>
  </si>
  <si>
    <t>Jessamyn</t>
  </si>
  <si>
    <t>Minchinden</t>
  </si>
  <si>
    <t>Rodolphe</t>
  </si>
  <si>
    <t>Tweedie</t>
  </si>
  <si>
    <t>Edgar</t>
  </si>
  <si>
    <t>Alster</t>
  </si>
  <si>
    <t>Shell</t>
  </si>
  <si>
    <t>Paradyce</t>
  </si>
  <si>
    <t>Kristin</t>
  </si>
  <si>
    <t>De Ruggiero</t>
  </si>
  <si>
    <t>Farrah</t>
  </si>
  <si>
    <t>Brooksby</t>
  </si>
  <si>
    <t>Barrie</t>
  </si>
  <si>
    <t>Clewett</t>
  </si>
  <si>
    <t>Kinsley</t>
  </si>
  <si>
    <t>Krysztowczyk</t>
  </si>
  <si>
    <t>Desmond</t>
  </si>
  <si>
    <t>Ferronier</t>
  </si>
  <si>
    <t>Dag</t>
  </si>
  <si>
    <t>Whitehorn</t>
  </si>
  <si>
    <t>Sissie</t>
  </si>
  <si>
    <t>Ambros</t>
  </si>
  <si>
    <t>Petlyura</t>
  </si>
  <si>
    <t>Dotty</t>
  </si>
  <si>
    <t>Bernardini</t>
  </si>
  <si>
    <t>Vidovic</t>
  </si>
  <si>
    <t>Jukes</t>
  </si>
  <si>
    <t>Rodie</t>
  </si>
  <si>
    <t>Marling</t>
  </si>
  <si>
    <t>Karim</t>
  </si>
  <si>
    <t>Gerholz</t>
  </si>
  <si>
    <t>Marleen</t>
  </si>
  <si>
    <t>Gadie</t>
  </si>
  <si>
    <t>Zea</t>
  </si>
  <si>
    <t>Goodier</t>
  </si>
  <si>
    <t>Milty</t>
  </si>
  <si>
    <t>Ditter</t>
  </si>
  <si>
    <t>Delano</t>
  </si>
  <si>
    <t>Tolmie</t>
  </si>
  <si>
    <t>Griff</t>
  </si>
  <si>
    <t>Trulocke</t>
  </si>
  <si>
    <t>Roxanna</t>
  </si>
  <si>
    <t>Longbothom</t>
  </si>
  <si>
    <t>Northrop</t>
  </si>
  <si>
    <t>Brignall</t>
  </si>
  <si>
    <t>Celene</t>
  </si>
  <si>
    <t>Aimson</t>
  </si>
  <si>
    <t>Gareth</t>
  </si>
  <si>
    <t>Offener</t>
  </si>
  <si>
    <t>Norma</t>
  </si>
  <si>
    <t>Hunnawill</t>
  </si>
  <si>
    <t>Saveall</t>
  </si>
  <si>
    <t>Natalina</t>
  </si>
  <si>
    <t>Stowers</t>
  </si>
  <si>
    <t>Rosemonde</t>
  </si>
  <si>
    <t>Stedson</t>
  </si>
  <si>
    <t>Selinda</t>
  </si>
  <si>
    <t>Huntar</t>
  </si>
  <si>
    <t>Aurilia</t>
  </si>
  <si>
    <t>Chaney</t>
  </si>
  <si>
    <t>Preston</t>
  </si>
  <si>
    <t>Tedi</t>
  </si>
  <si>
    <t>Gjerde</t>
  </si>
  <si>
    <t>Beaufort</t>
  </si>
  <si>
    <t>Vel</t>
  </si>
  <si>
    <t>Christiane</t>
  </si>
  <si>
    <t>Deal</t>
  </si>
  <si>
    <t>Nicolas</t>
  </si>
  <si>
    <t>Redmore</t>
  </si>
  <si>
    <t>Ridler</t>
  </si>
  <si>
    <t>Jackie</t>
  </si>
  <si>
    <t>Kochel</t>
  </si>
  <si>
    <t>Ira</t>
  </si>
  <si>
    <t>Waterhouse</t>
  </si>
  <si>
    <t>Hayyim</t>
  </si>
  <si>
    <t>Stanborough</t>
  </si>
  <si>
    <t>Darn</t>
  </si>
  <si>
    <t>Tidbold</t>
  </si>
  <si>
    <t>Liuka</t>
  </si>
  <si>
    <t>Schoffler</t>
  </si>
  <si>
    <t>Murray</t>
  </si>
  <si>
    <t>Liverseege</t>
  </si>
  <si>
    <t>Dede</t>
  </si>
  <si>
    <t>Ralphs</t>
  </si>
  <si>
    <t>Briggs</t>
  </si>
  <si>
    <t>Finn</t>
  </si>
  <si>
    <t>Minor</t>
  </si>
  <si>
    <t>O'Docherty</t>
  </si>
  <si>
    <t>Denison</t>
  </si>
  <si>
    <t>Normie</t>
  </si>
  <si>
    <t>Patington</t>
  </si>
  <si>
    <t>Broderic</t>
  </si>
  <si>
    <t>Kantor</t>
  </si>
  <si>
    <t>Obediah</t>
  </si>
  <si>
    <t>Errett</t>
  </si>
  <si>
    <t>Renard</t>
  </si>
  <si>
    <t>Colman</t>
  </si>
  <si>
    <t>Renae</t>
  </si>
  <si>
    <t>Wreak</t>
  </si>
  <si>
    <t>Alfonse</t>
  </si>
  <si>
    <t>Gherardini</t>
  </si>
  <si>
    <t>Penny</t>
  </si>
  <si>
    <t>Matoshin</t>
  </si>
  <si>
    <t>Gonzalo</t>
  </si>
  <si>
    <t>Cleverley</t>
  </si>
  <si>
    <t>Tawsha</t>
  </si>
  <si>
    <t>Brokenshire</t>
  </si>
  <si>
    <t>Britni</t>
  </si>
  <si>
    <t>O' Mahony</t>
  </si>
  <si>
    <t>Stoppard</t>
  </si>
  <si>
    <t>Cally</t>
  </si>
  <si>
    <t>Beckensall</t>
  </si>
  <si>
    <t>Jerrie</t>
  </si>
  <si>
    <t>Jindacek</t>
  </si>
  <si>
    <t>Butch</t>
  </si>
  <si>
    <t>Flewitt</t>
  </si>
  <si>
    <t>Verena</t>
  </si>
  <si>
    <t>Arderne</t>
  </si>
  <si>
    <t>Albrecht</t>
  </si>
  <si>
    <t>Baddam</t>
  </si>
  <si>
    <t>Celestine</t>
  </si>
  <si>
    <t>Tuer</t>
  </si>
  <si>
    <t>Hall</t>
  </si>
  <si>
    <t>Exter</t>
  </si>
  <si>
    <t>Bobette</t>
  </si>
  <si>
    <t>Gaitskill</t>
  </si>
  <si>
    <t>Cindelyn</t>
  </si>
  <si>
    <t>Verne</t>
  </si>
  <si>
    <t>Katey</t>
  </si>
  <si>
    <t>Buie</t>
  </si>
  <si>
    <t>Marcile</t>
  </si>
  <si>
    <t>Hanselman</t>
  </si>
  <si>
    <t>Curry</t>
  </si>
  <si>
    <t>Ellaman</t>
  </si>
  <si>
    <t>Delly</t>
  </si>
  <si>
    <t>Blaskett</t>
  </si>
  <si>
    <t>Brynn</t>
  </si>
  <si>
    <t>Cornhill</t>
  </si>
  <si>
    <t>Fergus</t>
  </si>
  <si>
    <t>Stammler</t>
  </si>
  <si>
    <t>Boulter</t>
  </si>
  <si>
    <t>Dredi</t>
  </si>
  <si>
    <t>Klausen</t>
  </si>
  <si>
    <t>Kelila</t>
  </si>
  <si>
    <t>Andrick</t>
  </si>
  <si>
    <t>Horton</t>
  </si>
  <si>
    <t>Canellas</t>
  </si>
  <si>
    <t>Yul</t>
  </si>
  <si>
    <t>Palffy</t>
  </si>
  <si>
    <t>Gillan</t>
  </si>
  <si>
    <t>Amner</t>
  </si>
  <si>
    <t>Merill</t>
  </si>
  <si>
    <t>Koppke</t>
  </si>
  <si>
    <t>Lynnette</t>
  </si>
  <si>
    <t>Breadmore</t>
  </si>
  <si>
    <t>Vince</t>
  </si>
  <si>
    <t>Rableau</t>
  </si>
  <si>
    <t>Casper</t>
  </si>
  <si>
    <t>Ambrosini</t>
  </si>
  <si>
    <t>Marriot</t>
  </si>
  <si>
    <t>Loren</t>
  </si>
  <si>
    <t>Danahar</t>
  </si>
  <si>
    <t>Kiah</t>
  </si>
  <si>
    <t>Lutton</t>
  </si>
  <si>
    <t>Heintzsch</t>
  </si>
  <si>
    <t>Ervin</t>
  </si>
  <si>
    <t>Whitman</t>
  </si>
  <si>
    <t>Leta</t>
  </si>
  <si>
    <t>Circuitt</t>
  </si>
  <si>
    <t>Fowlston</t>
  </si>
  <si>
    <t>Nicki</t>
  </si>
  <si>
    <t>Ledger</t>
  </si>
  <si>
    <t>Lynnett</t>
  </si>
  <si>
    <t>Eddington</t>
  </si>
  <si>
    <t>Hymie</t>
  </si>
  <si>
    <t>Brevetor</t>
  </si>
  <si>
    <t>Heindrick</t>
  </si>
  <si>
    <t>Othick</t>
  </si>
  <si>
    <t>Elenore</t>
  </si>
  <si>
    <t>Chape</t>
  </si>
  <si>
    <t>Monah</t>
  </si>
  <si>
    <t>Amort</t>
  </si>
  <si>
    <t>Willey</t>
  </si>
  <si>
    <t>Lidierth</t>
  </si>
  <si>
    <t>Terrill</t>
  </si>
  <si>
    <t>Davidwitz</t>
  </si>
  <si>
    <t>Pepillo</t>
  </si>
  <si>
    <t>Cornelleau</t>
  </si>
  <si>
    <t>Arvy</t>
  </si>
  <si>
    <t>Storry</t>
  </si>
  <si>
    <t>Allie</t>
  </si>
  <si>
    <t>Trownson</t>
  </si>
  <si>
    <t>Marie-ann</t>
  </si>
  <si>
    <t>Prestland</t>
  </si>
  <si>
    <t>Antonius</t>
  </si>
  <si>
    <t>Paule</t>
  </si>
  <si>
    <t>Jethro</t>
  </si>
  <si>
    <t>Boullen</t>
  </si>
  <si>
    <t>Nikos</t>
  </si>
  <si>
    <t>MacVaugh</t>
  </si>
  <si>
    <t>Donetta</t>
  </si>
  <si>
    <t>Sancho</t>
  </si>
  <si>
    <t>Thorndike</t>
  </si>
  <si>
    <t>O' Donohue</t>
  </si>
  <si>
    <t>Armand</t>
  </si>
  <si>
    <t>Dammarell</t>
  </si>
  <si>
    <t>Ludlamme</t>
  </si>
  <si>
    <t>Jsandye</t>
  </si>
  <si>
    <t>Cromar</t>
  </si>
  <si>
    <t>Tedd</t>
  </si>
  <si>
    <t>Adolf</t>
  </si>
  <si>
    <t>McSporon</t>
  </si>
  <si>
    <t>Deane</t>
  </si>
  <si>
    <t>Raychel</t>
  </si>
  <si>
    <t>Tuerena</t>
  </si>
  <si>
    <t>Edwin</t>
  </si>
  <si>
    <t>Northen</t>
  </si>
  <si>
    <t>Ardelle</t>
  </si>
  <si>
    <t>Rowantree</t>
  </si>
  <si>
    <t>Tymothy</t>
  </si>
  <si>
    <t>Cawtheray</t>
  </si>
  <si>
    <t>Timmy</t>
  </si>
  <si>
    <t>Scarrott</t>
  </si>
  <si>
    <t>Judas</t>
  </si>
  <si>
    <t>Seiffert</t>
  </si>
  <si>
    <t>Emanuel</t>
  </si>
  <si>
    <t>Aiton</t>
  </si>
  <si>
    <t>Liane</t>
  </si>
  <si>
    <t>Matei</t>
  </si>
  <si>
    <t>Jamima</t>
  </si>
  <si>
    <t>Frantz</t>
  </si>
  <si>
    <t>Cirillo</t>
  </si>
  <si>
    <t>O'Growgane</t>
  </si>
  <si>
    <t>Harwell</t>
  </si>
  <si>
    <t>Olekhov</t>
  </si>
  <si>
    <t>Wilek</t>
  </si>
  <si>
    <t>Cassely</t>
  </si>
  <si>
    <t>Bennett</t>
  </si>
  <si>
    <t>Manicomb</t>
  </si>
  <si>
    <t>Hayden</t>
  </si>
  <si>
    <t>Wrightim</t>
  </si>
  <si>
    <t>Drage</t>
  </si>
  <si>
    <t>Ruddie</t>
  </si>
  <si>
    <t>Janusik</t>
  </si>
  <si>
    <t>Leeann</t>
  </si>
  <si>
    <t>Defew</t>
  </si>
  <si>
    <t>Allyn</t>
  </si>
  <si>
    <t>Buscher</t>
  </si>
  <si>
    <t>Stacee</t>
  </si>
  <si>
    <t>Creggan</t>
  </si>
  <si>
    <t>Petrina</t>
  </si>
  <si>
    <t>Lokier</t>
  </si>
  <si>
    <t>Aubine</t>
  </si>
  <si>
    <t>Gelsthorpe</t>
  </si>
  <si>
    <t>Rickard</t>
  </si>
  <si>
    <t>Delouch</t>
  </si>
  <si>
    <t>Brooke</t>
  </si>
  <si>
    <t>Briston</t>
  </si>
  <si>
    <t>Priscella</t>
  </si>
  <si>
    <t>Sidery</t>
  </si>
  <si>
    <t>Jessee</t>
  </si>
  <si>
    <t>Samworth</t>
  </si>
  <si>
    <t>Dillon</t>
  </si>
  <si>
    <t>Abramowsky</t>
  </si>
  <si>
    <t>Jilleen</t>
  </si>
  <si>
    <t>Mackelworth</t>
  </si>
  <si>
    <t>Jessy</t>
  </si>
  <si>
    <t>Cordoba</t>
  </si>
  <si>
    <t>Hilde</t>
  </si>
  <si>
    <t>Fellgatt</t>
  </si>
  <si>
    <t>Heinrik</t>
  </si>
  <si>
    <t>Farriar</t>
  </si>
  <si>
    <t>Nikolaus</t>
  </si>
  <si>
    <t>McKerley</t>
  </si>
  <si>
    <t>Rosina</t>
  </si>
  <si>
    <t>Cooley</t>
  </si>
  <si>
    <t>Albie</t>
  </si>
  <si>
    <t>Paternoster</t>
  </si>
  <si>
    <t>Katheryn</t>
  </si>
  <si>
    <t>Balham</t>
  </si>
  <si>
    <t>Dimitri</t>
  </si>
  <si>
    <t>Banasiak</t>
  </si>
  <si>
    <t>Gabie</t>
  </si>
  <si>
    <t>Bason</t>
  </si>
  <si>
    <t>Norine</t>
  </si>
  <si>
    <t>Airlie</t>
  </si>
  <si>
    <t>Vanya</t>
  </si>
  <si>
    <t>Scolding</t>
  </si>
  <si>
    <t>Frayda</t>
  </si>
  <si>
    <t>Warlaw</t>
  </si>
  <si>
    <t>Chrissie</t>
  </si>
  <si>
    <t>Fevier</t>
  </si>
  <si>
    <t>Damper</t>
  </si>
  <si>
    <t>Chicky</t>
  </si>
  <si>
    <t>Wilkinson</t>
  </si>
  <si>
    <t>Lisa</t>
  </si>
  <si>
    <t>Hardcastle</t>
  </si>
  <si>
    <t>Packston</t>
  </si>
  <si>
    <t>Widdowfield</t>
  </si>
  <si>
    <t>Mandy</t>
  </si>
  <si>
    <t>Rainford</t>
  </si>
  <si>
    <t>Tandy</t>
  </si>
  <si>
    <t>Sandeson</t>
  </si>
  <si>
    <t>Miguelita</t>
  </si>
  <si>
    <t>Ketley</t>
  </si>
  <si>
    <t>Olav</t>
  </si>
  <si>
    <t>McCrone</t>
  </si>
  <si>
    <t>Alexandre</t>
  </si>
  <si>
    <t>Gurling</t>
  </si>
  <si>
    <t>Yurik</t>
  </si>
  <si>
    <t>Crace</t>
  </si>
  <si>
    <t>Wilmar</t>
  </si>
  <si>
    <t>Cowie</t>
  </si>
  <si>
    <t>Mohammed</t>
  </si>
  <si>
    <t>Rootham</t>
  </si>
  <si>
    <t>Fax</t>
  </si>
  <si>
    <t>Davson</t>
  </si>
  <si>
    <t>Juan</t>
  </si>
  <si>
    <t>Geering</t>
  </si>
  <si>
    <t>Martie</t>
  </si>
  <si>
    <t>Haylett</t>
  </si>
  <si>
    <t>Shermy</t>
  </si>
  <si>
    <t>Morgan</t>
  </si>
  <si>
    <t>Almon</t>
  </si>
  <si>
    <t>Lilian</t>
  </si>
  <si>
    <t>Smithson</t>
  </si>
  <si>
    <t>Rodney</t>
  </si>
  <si>
    <t>Kubicka</t>
  </si>
  <si>
    <t>Melvyn</t>
  </si>
  <si>
    <t>Smerdon</t>
  </si>
  <si>
    <t>Ezequiel</t>
  </si>
  <si>
    <t>Yateman</t>
  </si>
  <si>
    <t>Hansiain</t>
  </si>
  <si>
    <t>Liggens</t>
  </si>
  <si>
    <t>Broderick</t>
  </si>
  <si>
    <t>Moraleda</t>
  </si>
  <si>
    <t>Correna</t>
  </si>
  <si>
    <t>Towne</t>
  </si>
  <si>
    <t>Klara</t>
  </si>
  <si>
    <t>Budik</t>
  </si>
  <si>
    <t>Mollin</t>
  </si>
  <si>
    <t>Aldis</t>
  </si>
  <si>
    <t>Fulton</t>
  </si>
  <si>
    <t>Adelbert</t>
  </si>
  <si>
    <t>Adnet</t>
  </si>
  <si>
    <t>Colette</t>
  </si>
  <si>
    <t>Merington</t>
  </si>
  <si>
    <t>Nutley</t>
  </si>
  <si>
    <t>Mabel</t>
  </si>
  <si>
    <t>Vanner</t>
  </si>
  <si>
    <t>Lynna</t>
  </si>
  <si>
    <t>Hexum</t>
  </si>
  <si>
    <t>Fred</t>
  </si>
  <si>
    <t>Maffi</t>
  </si>
  <si>
    <t>Payton</t>
  </si>
  <si>
    <t>Dowdney</t>
  </si>
  <si>
    <t>Nessi</t>
  </si>
  <si>
    <t>Aiers</t>
  </si>
  <si>
    <t>Colline</t>
  </si>
  <si>
    <t>McLauchlin</t>
  </si>
  <si>
    <t>Danyelle</t>
  </si>
  <si>
    <t>Oxborough</t>
  </si>
  <si>
    <t>Elmira</t>
  </si>
  <si>
    <t>Wansbury</t>
  </si>
  <si>
    <t>Joey</t>
  </si>
  <si>
    <t>Jarritt</t>
  </si>
  <si>
    <t>Hamlen</t>
  </si>
  <si>
    <t>Kwietek</t>
  </si>
  <si>
    <t>Hurll</t>
  </si>
  <si>
    <t>Stacey</t>
  </si>
  <si>
    <t>Hartfield</t>
  </si>
  <si>
    <t>Vertey</t>
  </si>
  <si>
    <t>Roseanne</t>
  </si>
  <si>
    <t>Barrar</t>
  </si>
  <si>
    <t>Kerrill</t>
  </si>
  <si>
    <t>Gatchell</t>
  </si>
  <si>
    <t>Umeko</t>
  </si>
  <si>
    <t>Villaret</t>
  </si>
  <si>
    <t>Darin</t>
  </si>
  <si>
    <t>Bourke</t>
  </si>
  <si>
    <t>MacCumiskey</t>
  </si>
  <si>
    <t>Paolo</t>
  </si>
  <si>
    <t>Esberger</t>
  </si>
  <si>
    <t>Hobart</t>
  </si>
  <si>
    <t>Blabber</t>
  </si>
  <si>
    <t>Kimball</t>
  </si>
  <si>
    <t>Kelle</t>
  </si>
  <si>
    <t>Renelle</t>
  </si>
  <si>
    <t>Downgate</t>
  </si>
  <si>
    <t>Brig</t>
  </si>
  <si>
    <t>Bewlie</t>
  </si>
  <si>
    <t>Moira</t>
  </si>
  <si>
    <t>Kits</t>
  </si>
  <si>
    <t>Valry</t>
  </si>
  <si>
    <t>Eagle</t>
  </si>
  <si>
    <t>Hadrian</t>
  </si>
  <si>
    <t>McLagan</t>
  </si>
  <si>
    <t>Keenan</t>
  </si>
  <si>
    <t>Dellenbrook</t>
  </si>
  <si>
    <t>Kit</t>
  </si>
  <si>
    <t>Ilchenko</t>
  </si>
  <si>
    <t>James</t>
  </si>
  <si>
    <t>Rizzolo</t>
  </si>
  <si>
    <t>Rowland</t>
  </si>
  <si>
    <t>Rowter</t>
  </si>
  <si>
    <t>Viviyan</t>
  </si>
  <si>
    <t>Gorman</t>
  </si>
  <si>
    <t>Guss</t>
  </si>
  <si>
    <t>Heddan</t>
  </si>
  <si>
    <t>Kenon</t>
  </si>
  <si>
    <t>Wardlaw</t>
  </si>
  <si>
    <t>Bertha</t>
  </si>
  <si>
    <t>Dumberrill</t>
  </si>
  <si>
    <t>Karlyn</t>
  </si>
  <si>
    <t>Cosker</t>
  </si>
  <si>
    <t>Faulkner</t>
  </si>
  <si>
    <t>Enochsson</t>
  </si>
  <si>
    <t>Granger</t>
  </si>
  <si>
    <t>Coats</t>
  </si>
  <si>
    <t>Bale</t>
  </si>
  <si>
    <t>Benzi</t>
  </si>
  <si>
    <t>Juliette</t>
  </si>
  <si>
    <t>Cundy</t>
  </si>
  <si>
    <t>Ansel</t>
  </si>
  <si>
    <t>Le Count</t>
  </si>
  <si>
    <t>Northrup</t>
  </si>
  <si>
    <t>Cutchie</t>
  </si>
  <si>
    <t>Keelby</t>
  </si>
  <si>
    <t>Moorey</t>
  </si>
  <si>
    <t>Petronilla</t>
  </si>
  <si>
    <t>Ajay</t>
  </si>
  <si>
    <t>Kneafsey</t>
  </si>
  <si>
    <t>Jacinda</t>
  </si>
  <si>
    <t>Manilow</t>
  </si>
  <si>
    <t>Rudiger</t>
  </si>
  <si>
    <t>Balharry</t>
  </si>
  <si>
    <t>Starla</t>
  </si>
  <si>
    <t>Antic</t>
  </si>
  <si>
    <t>Yankee</t>
  </si>
  <si>
    <t>Blackadder</t>
  </si>
  <si>
    <t>Sammy</t>
  </si>
  <si>
    <t>Harmson</t>
  </si>
  <si>
    <t>Bernadine</t>
  </si>
  <si>
    <t>Billson</t>
  </si>
  <si>
    <t>Grady</t>
  </si>
  <si>
    <t>Moodycliffe</t>
  </si>
  <si>
    <t>Myrvyn</t>
  </si>
  <si>
    <t>Wyon</t>
  </si>
  <si>
    <t>Eli</t>
  </si>
  <si>
    <t>Tejero</t>
  </si>
  <si>
    <t>Billy</t>
  </si>
  <si>
    <t>France</t>
  </si>
  <si>
    <t>Owen</t>
  </si>
  <si>
    <t>Organ</t>
  </si>
  <si>
    <t>Kassey</t>
  </si>
  <si>
    <t>Shawyer</t>
  </si>
  <si>
    <t>Basilius</t>
  </si>
  <si>
    <t>Featherstone</t>
  </si>
  <si>
    <t>Jarrod</t>
  </si>
  <si>
    <t>Marylou</t>
  </si>
  <si>
    <t>Churm</t>
  </si>
  <si>
    <t>Thorpe</t>
  </si>
  <si>
    <t>Sherrocks</t>
  </si>
  <si>
    <t>Garner</t>
  </si>
  <si>
    <t>d'Escoffier</t>
  </si>
  <si>
    <t>Cherrita</t>
  </si>
  <si>
    <t>Lonnon</t>
  </si>
  <si>
    <t>Corrie</t>
  </si>
  <si>
    <t>McColl</t>
  </si>
  <si>
    <t>Kimberly</t>
  </si>
  <si>
    <t>Leather</t>
  </si>
  <si>
    <t>Laura</t>
  </si>
  <si>
    <t>Vassay</t>
  </si>
  <si>
    <t>Bartoloma</t>
  </si>
  <si>
    <t>Jimmie</t>
  </si>
  <si>
    <t>Clowsley</t>
  </si>
  <si>
    <t>Bram</t>
  </si>
  <si>
    <t>Thorrold</t>
  </si>
  <si>
    <t>Salman</t>
  </si>
  <si>
    <t>Peter</t>
  </si>
  <si>
    <t>Preuvost</t>
  </si>
  <si>
    <t>Marsh</t>
  </si>
  <si>
    <t>Collingwood</t>
  </si>
  <si>
    <t>Roderic</t>
  </si>
  <si>
    <t>Rayner</t>
  </si>
  <si>
    <t>Dione</t>
  </si>
  <si>
    <t>Braker</t>
  </si>
  <si>
    <t>Roelofsen</t>
  </si>
  <si>
    <t>Homer</t>
  </si>
  <si>
    <t>Echlin</t>
  </si>
  <si>
    <t>Sally</t>
  </si>
  <si>
    <t>Earles</t>
  </si>
  <si>
    <t>Koressa</t>
  </si>
  <si>
    <t>Josifovic</t>
  </si>
  <si>
    <t>Brandy</t>
  </si>
  <si>
    <t>Killock</t>
  </si>
  <si>
    <t>Blackney</t>
  </si>
  <si>
    <t>Gothart</t>
  </si>
  <si>
    <t>Basset</t>
  </si>
  <si>
    <t>Lukas</t>
  </si>
  <si>
    <t>Leifer</t>
  </si>
  <si>
    <t>Eynaud</t>
  </si>
  <si>
    <t>Jacenta</t>
  </si>
  <si>
    <t>Vevers</t>
  </si>
  <si>
    <t>Belvard</t>
  </si>
  <si>
    <t>Chaunce</t>
  </si>
  <si>
    <t>Dumphry</t>
  </si>
  <si>
    <t>Felic</t>
  </si>
  <si>
    <t>Coronas</t>
  </si>
  <si>
    <t>Braden</t>
  </si>
  <si>
    <t>Hyam</t>
  </si>
  <si>
    <t>Blakesley</t>
  </si>
  <si>
    <t>Michale</t>
  </si>
  <si>
    <t>Maxwaile</t>
  </si>
  <si>
    <t>Corella</t>
  </si>
  <si>
    <t>Bracci</t>
  </si>
  <si>
    <t>Eugenius</t>
  </si>
  <si>
    <t>Parratt</t>
  </si>
  <si>
    <t>Christie</t>
  </si>
  <si>
    <t>Dewdney</t>
  </si>
  <si>
    <t>Elene</t>
  </si>
  <si>
    <t>Townley</t>
  </si>
  <si>
    <t>Floyd</t>
  </si>
  <si>
    <t>Sibbe</t>
  </si>
  <si>
    <t>Daveta</t>
  </si>
  <si>
    <t>Champley</t>
  </si>
  <si>
    <t>Jeanelle</t>
  </si>
  <si>
    <t>Coniam</t>
  </si>
  <si>
    <t>Arie</t>
  </si>
  <si>
    <t>Sherred</t>
  </si>
  <si>
    <t>Denys</t>
  </si>
  <si>
    <t>Aundrea</t>
  </si>
  <si>
    <t>Haskett</t>
  </si>
  <si>
    <t>Theodora</t>
  </si>
  <si>
    <t>Cornely</t>
  </si>
  <si>
    <t>Virginia</t>
  </si>
  <si>
    <t>Bristowe</t>
  </si>
  <si>
    <t>Lovick</t>
  </si>
  <si>
    <t>Emmery</t>
  </si>
  <si>
    <t>Ketton</t>
  </si>
  <si>
    <t>Prescott</t>
  </si>
  <si>
    <t>Kays</t>
  </si>
  <si>
    <t>Claiborn</t>
  </si>
  <si>
    <t>Urling</t>
  </si>
  <si>
    <t>Blanch</t>
  </si>
  <si>
    <t>Spurdens</t>
  </si>
  <si>
    <t>Mari</t>
  </si>
  <si>
    <t>De Domenici</t>
  </si>
  <si>
    <t>Goran</t>
  </si>
  <si>
    <t>Gilchrest</t>
  </si>
  <si>
    <t>Caitrin</t>
  </si>
  <si>
    <t>Richardt</t>
  </si>
  <si>
    <t>Ralling</t>
  </si>
  <si>
    <t>Berni</t>
  </si>
  <si>
    <t>Kerley</t>
  </si>
  <si>
    <t>Dal</t>
  </si>
  <si>
    <t>Speare</t>
  </si>
  <si>
    <t>Norman</t>
  </si>
  <si>
    <t>Antonetti</t>
  </si>
  <si>
    <t>Sylvan</t>
  </si>
  <si>
    <t>Vieyra</t>
  </si>
  <si>
    <t>Skippie</t>
  </si>
  <si>
    <t>Benneyworth</t>
  </si>
  <si>
    <t>Emmanuel</t>
  </si>
  <si>
    <t>Iggy</t>
  </si>
  <si>
    <t>Keunemann</t>
  </si>
  <si>
    <t>Nikola</t>
  </si>
  <si>
    <t>Beldam</t>
  </si>
  <si>
    <t>Luise</t>
  </si>
  <si>
    <t>Kathy</t>
  </si>
  <si>
    <t>Andrivot</t>
  </si>
  <si>
    <t>Gorhardt</t>
  </si>
  <si>
    <t>Jennine</t>
  </si>
  <si>
    <t>Allden</t>
  </si>
  <si>
    <t>Cazalet</t>
  </si>
  <si>
    <t>Egor</t>
  </si>
  <si>
    <t>Woodburne</t>
  </si>
  <si>
    <t>Christophe</t>
  </si>
  <si>
    <t>Friary</t>
  </si>
  <si>
    <t>Sheila</t>
  </si>
  <si>
    <t>Clausner</t>
  </si>
  <si>
    <t>Constanta</t>
  </si>
  <si>
    <t>Georgescu</t>
  </si>
  <si>
    <t>Wynne</t>
  </si>
  <si>
    <t>Ryall</t>
  </si>
  <si>
    <t>Leicester</t>
  </si>
  <si>
    <t>Buncombe</t>
  </si>
  <si>
    <t>Lynnelle</t>
  </si>
  <si>
    <t>Pipet</t>
  </si>
  <si>
    <t>Lenna</t>
  </si>
  <si>
    <t>Blyden</t>
  </si>
  <si>
    <t>Chanda</t>
  </si>
  <si>
    <t>Riste</t>
  </si>
  <si>
    <t>Carmella</t>
  </si>
  <si>
    <t>Pepperell</t>
  </si>
  <si>
    <t>Levi</t>
  </si>
  <si>
    <t>Bouzan</t>
  </si>
  <si>
    <t>Constantina</t>
  </si>
  <si>
    <t>Pfaff</t>
  </si>
  <si>
    <t>Jarib</t>
  </si>
  <si>
    <t>Chasle</t>
  </si>
  <si>
    <t>Roman</t>
  </si>
  <si>
    <t>Punter</t>
  </si>
  <si>
    <t>Devy</t>
  </si>
  <si>
    <t>Bromage</t>
  </si>
  <si>
    <t>Hebert</t>
  </si>
  <si>
    <t>Collen</t>
  </si>
  <si>
    <t>Damien</t>
  </si>
  <si>
    <t>Havile</t>
  </si>
  <si>
    <t>Parnell</t>
  </si>
  <si>
    <t>Saxby</t>
  </si>
  <si>
    <t>Carson</t>
  </si>
  <si>
    <t>Ielden</t>
  </si>
  <si>
    <t>Addy</t>
  </si>
  <si>
    <t>Tennison</t>
  </si>
  <si>
    <t>Verney</t>
  </si>
  <si>
    <t>Mitchiner</t>
  </si>
  <si>
    <t>Francis</t>
  </si>
  <si>
    <t>Ambrosi</t>
  </si>
  <si>
    <t>Park</t>
  </si>
  <si>
    <t>Sherreard</t>
  </si>
  <si>
    <t>Richart</t>
  </si>
  <si>
    <t>Eastwell</t>
  </si>
  <si>
    <t>Cornelius</t>
  </si>
  <si>
    <t>Hanbury</t>
  </si>
  <si>
    <t>Pembroke</t>
  </si>
  <si>
    <t>Maven</t>
  </si>
  <si>
    <t>Gratia</t>
  </si>
  <si>
    <t>Hyndes</t>
  </si>
  <si>
    <t>Early</t>
  </si>
  <si>
    <t>Ilbert</t>
  </si>
  <si>
    <t>Bengt</t>
  </si>
  <si>
    <t>Hart</t>
  </si>
  <si>
    <t>Nunson</t>
  </si>
  <si>
    <t>Spence</t>
  </si>
  <si>
    <t>Marshal</t>
  </si>
  <si>
    <t>Merry</t>
  </si>
  <si>
    <t>McPhelimey</t>
  </si>
  <si>
    <t>Hyacintha</t>
  </si>
  <si>
    <t>Brilon</t>
  </si>
  <si>
    <t>Alphonso</t>
  </si>
  <si>
    <t>Caris</t>
  </si>
  <si>
    <t>Marisa</t>
  </si>
  <si>
    <t>Widdop</t>
  </si>
  <si>
    <t>Stearn</t>
  </si>
  <si>
    <t>Kindley</t>
  </si>
  <si>
    <t>Howey</t>
  </si>
  <si>
    <t>Itzkovici</t>
  </si>
  <si>
    <t>Mallissa</t>
  </si>
  <si>
    <t>Stanway</t>
  </si>
  <si>
    <t>Tanner</t>
  </si>
  <si>
    <t>Ibeson</t>
  </si>
  <si>
    <t>Gill</t>
  </si>
  <si>
    <t>Slade</t>
  </si>
  <si>
    <t>Goranov</t>
  </si>
  <si>
    <t>Ula</t>
  </si>
  <si>
    <t>MacTrustrie</t>
  </si>
  <si>
    <t>Dashper</t>
  </si>
  <si>
    <t>Clerkclaude</t>
  </si>
  <si>
    <t>Ballam</t>
  </si>
  <si>
    <t>Isiahi</t>
  </si>
  <si>
    <t>Peschet</t>
  </si>
  <si>
    <t>Jermain</t>
  </si>
  <si>
    <t>Chalcroft</t>
  </si>
  <si>
    <t>Roseline</t>
  </si>
  <si>
    <t>Dorin</t>
  </si>
  <si>
    <t>Mindy</t>
  </si>
  <si>
    <t>Willingale</t>
  </si>
  <si>
    <t>Joannes</t>
  </si>
  <si>
    <t>Boerderman</t>
  </si>
  <si>
    <t>Hortensia</t>
  </si>
  <si>
    <t>Houtby</t>
  </si>
  <si>
    <t>Inga</t>
  </si>
  <si>
    <t>Pilgram</t>
  </si>
  <si>
    <t>Warner</t>
  </si>
  <si>
    <t>Jammie</t>
  </si>
  <si>
    <t>Stadding</t>
  </si>
  <si>
    <t>Sid</t>
  </si>
  <si>
    <t>Milli</t>
  </si>
  <si>
    <t>Lapping</t>
  </si>
  <si>
    <t>Amalea</t>
  </si>
  <si>
    <t>Gonnin</t>
  </si>
  <si>
    <t>Othelia</t>
  </si>
  <si>
    <t>Lankester</t>
  </si>
  <si>
    <t>Steward</t>
  </si>
  <si>
    <t>Ismai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0"/>
      <color theme="1"/>
      <name val="Verdana"/>
      <family val="2"/>
    </font>
    <font>
      <sz val="10"/>
      <color theme="1"/>
      <name val="Verdana"/>
      <family val="2"/>
    </font>
    <font>
      <sz val="18"/>
      <color theme="3"/>
      <name val="Calibri Light"/>
      <family val="2"/>
      <scheme val="major"/>
    </font>
    <font>
      <b/>
      <sz val="15"/>
      <color theme="3"/>
      <name val="Verdana"/>
      <family val="2"/>
    </font>
    <font>
      <b/>
      <sz val="13"/>
      <color theme="3"/>
      <name val="Verdana"/>
      <family val="2"/>
    </font>
    <font>
      <b/>
      <sz val="11"/>
      <color theme="3"/>
      <name val="Verdana"/>
      <family val="2"/>
    </font>
    <font>
      <sz val="10"/>
      <color rgb="FF006100"/>
      <name val="Verdana"/>
      <family val="2"/>
    </font>
    <font>
      <sz val="10"/>
      <color rgb="FF9C0006"/>
      <name val="Verdana"/>
      <family val="2"/>
    </font>
    <font>
      <sz val="10"/>
      <color rgb="FF9C6500"/>
      <name val="Verdana"/>
      <family val="2"/>
    </font>
    <font>
      <sz val="10"/>
      <color rgb="FF3F3F76"/>
      <name val="Verdana"/>
      <family val="2"/>
    </font>
    <font>
      <b/>
      <sz val="10"/>
      <color rgb="FF3F3F3F"/>
      <name val="Verdana"/>
      <family val="2"/>
    </font>
    <font>
      <b/>
      <sz val="10"/>
      <color rgb="FFFA7D00"/>
      <name val="Verdana"/>
      <family val="2"/>
    </font>
    <font>
      <sz val="10"/>
      <color rgb="FFFA7D00"/>
      <name val="Verdana"/>
      <family val="2"/>
    </font>
    <font>
      <b/>
      <sz val="10"/>
      <color theme="0"/>
      <name val="Verdana"/>
      <family val="2"/>
    </font>
    <font>
      <sz val="10"/>
      <color rgb="FFFF0000"/>
      <name val="Verdana"/>
      <family val="2"/>
    </font>
    <font>
      <i/>
      <sz val="10"/>
      <color rgb="FF7F7F7F"/>
      <name val="Verdana"/>
      <family val="2"/>
    </font>
    <font>
      <b/>
      <sz val="10"/>
      <color theme="1"/>
      <name val="Verdana"/>
      <family val="2"/>
    </font>
    <font>
      <sz val="10"/>
      <color theme="0"/>
      <name val="Verdana"/>
      <family val="2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2">
    <xf numFmtId="0" fontId="0" fillId="0" borderId="0" xfId="0"/>
    <xf numFmtId="14" fontId="0" fillId="0" borderId="0" xfId="0" applyNumberFormat="1"/>
  </cellXfs>
  <cellStyles count="42">
    <cellStyle name="20 % - Akzent1" xfId="19" builtinId="30" customBuiltin="1"/>
    <cellStyle name="20 % - Akzent2" xfId="23" builtinId="34" customBuiltin="1"/>
    <cellStyle name="20 % - Akzent3" xfId="27" builtinId="38" customBuiltin="1"/>
    <cellStyle name="20 % - Akzent4" xfId="31" builtinId="42" customBuiltin="1"/>
    <cellStyle name="20 % - Akzent5" xfId="35" builtinId="46" customBuiltin="1"/>
    <cellStyle name="20 % - Akzent6" xfId="39" builtinId="50" customBuiltin="1"/>
    <cellStyle name="40 % - Akzent1" xfId="20" builtinId="31" customBuiltin="1"/>
    <cellStyle name="40 % - Akzent2" xfId="24" builtinId="35" customBuiltin="1"/>
    <cellStyle name="40 % - Akzent3" xfId="28" builtinId="39" customBuiltin="1"/>
    <cellStyle name="40 % - Akzent4" xfId="32" builtinId="43" customBuiltin="1"/>
    <cellStyle name="40 % - Akzent5" xfId="36" builtinId="47" customBuiltin="1"/>
    <cellStyle name="40 % - Akzent6" xfId="40" builtinId="51" customBuiltin="1"/>
    <cellStyle name="60 % - Akzent1" xfId="21" builtinId="32" customBuiltin="1"/>
    <cellStyle name="60 % - Akzent2" xfId="25" builtinId="36" customBuiltin="1"/>
    <cellStyle name="60 % - Akzent3" xfId="29" builtinId="40" customBuiltin="1"/>
    <cellStyle name="60 % - Akzent4" xfId="33" builtinId="44" customBuiltin="1"/>
    <cellStyle name="60 % - Akzent5" xfId="37" builtinId="48" customBuiltin="1"/>
    <cellStyle name="60 % - Akzent6" xfId="41" builtinId="52" customBuiltin="1"/>
    <cellStyle name="Akzent1" xfId="18" builtinId="29" customBuiltin="1"/>
    <cellStyle name="Akzent2" xfId="22" builtinId="33" customBuiltin="1"/>
    <cellStyle name="Akzent3" xfId="26" builtinId="37" customBuiltin="1"/>
    <cellStyle name="Akzent4" xfId="30" builtinId="41" customBuiltin="1"/>
    <cellStyle name="Akzent5" xfId="34" builtinId="45" customBuiltin="1"/>
    <cellStyle name="Akzent6" xfId="38" builtinId="49" customBuiltin="1"/>
    <cellStyle name="Ausgabe" xfId="10" builtinId="21" customBuiltin="1"/>
    <cellStyle name="Berechnung" xfId="11" builtinId="22" customBuiltin="1"/>
    <cellStyle name="Eingabe" xfId="9" builtinId="20" customBuiltin="1"/>
    <cellStyle name="Ergebnis" xfId="17" builtinId="25" customBuiltin="1"/>
    <cellStyle name="Erklärender Text" xfId="16" builtinId="53" customBuiltin="1"/>
    <cellStyle name="Gut" xfId="6" builtinId="26" customBuiltin="1"/>
    <cellStyle name="Neutral" xfId="8" builtinId="28" customBuiltin="1"/>
    <cellStyle name="Notiz" xfId="15" builtinId="10" customBuiltin="1"/>
    <cellStyle name="Schlecht" xfId="7" builtinId="27" customBuiltin="1"/>
    <cellStyle name="Standard" xfId="0" builtinId="0"/>
    <cellStyle name="Überschrift" xfId="1" builtinId="15" customBuiltin="1"/>
    <cellStyle name="Überschrift 1" xfId="2" builtinId="16" customBuiltin="1"/>
    <cellStyle name="Überschrift 2" xfId="3" builtinId="17" customBuiltin="1"/>
    <cellStyle name="Überschrift 3" xfId="4" builtinId="18" customBuiltin="1"/>
    <cellStyle name="Überschrift 4" xfId="5" builtinId="19" customBuiltin="1"/>
    <cellStyle name="Verknüpfte Zelle" xfId="12" builtinId="24" customBuiltin="1"/>
    <cellStyle name="Warnender Text" xfId="14" builtinId="11" customBuiltin="1"/>
    <cellStyle name="Zelle überprüfen" xfId="13" builtinId="23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001"/>
  <sheetViews>
    <sheetView tabSelected="1" topLeftCell="A914" workbookViewId="0">
      <selection activeCell="A914" sqref="A1:A1048576"/>
    </sheetView>
  </sheetViews>
  <sheetFormatPr baseColWidth="10" defaultRowHeight="13.5" x14ac:dyDescent="0.3"/>
  <sheetData>
    <row r="1" spans="1:4" x14ac:dyDescent="0.3">
      <c r="A1" t="s">
        <v>0</v>
      </c>
      <c r="B1" t="s">
        <v>1</v>
      </c>
      <c r="C1" t="s">
        <v>2</v>
      </c>
      <c r="D1" t="s">
        <v>3</v>
      </c>
    </row>
    <row r="2" spans="1:4" x14ac:dyDescent="0.3">
      <c r="A2" t="s">
        <v>4</v>
      </c>
      <c r="B2" t="s">
        <v>5</v>
      </c>
      <c r="C2" s="1">
        <v>35833</v>
      </c>
      <c r="D2" t="s">
        <v>6</v>
      </c>
    </row>
    <row r="3" spans="1:4" x14ac:dyDescent="0.3">
      <c r="A3" t="s">
        <v>7</v>
      </c>
      <c r="B3" t="s">
        <v>8</v>
      </c>
      <c r="C3" s="1">
        <v>11729</v>
      </c>
      <c r="D3" t="s">
        <v>9</v>
      </c>
    </row>
    <row r="4" spans="1:4" x14ac:dyDescent="0.3">
      <c r="A4" t="s">
        <v>10</v>
      </c>
      <c r="B4" t="s">
        <v>11</v>
      </c>
      <c r="C4" s="1">
        <v>35557</v>
      </c>
      <c r="D4" t="s">
        <v>6</v>
      </c>
    </row>
    <row r="5" spans="1:4" x14ac:dyDescent="0.3">
      <c r="A5" t="s">
        <v>12</v>
      </c>
      <c r="B5" t="s">
        <v>13</v>
      </c>
      <c r="C5" s="1">
        <v>17442</v>
      </c>
      <c r="D5" t="s">
        <v>9</v>
      </c>
    </row>
    <row r="6" spans="1:4" x14ac:dyDescent="0.3">
      <c r="A6" t="s">
        <v>14</v>
      </c>
      <c r="B6" t="s">
        <v>15</v>
      </c>
      <c r="C6" s="1">
        <v>28488</v>
      </c>
      <c r="D6" t="s">
        <v>6</v>
      </c>
    </row>
    <row r="7" spans="1:4" x14ac:dyDescent="0.3">
      <c r="A7" t="s">
        <v>16</v>
      </c>
      <c r="B7" t="s">
        <v>17</v>
      </c>
      <c r="C7" s="1">
        <v>29133</v>
      </c>
      <c r="D7" t="s">
        <v>6</v>
      </c>
    </row>
    <row r="8" spans="1:4" x14ac:dyDescent="0.3">
      <c r="A8" t="s">
        <v>18</v>
      </c>
      <c r="B8" t="s">
        <v>19</v>
      </c>
      <c r="C8" s="1">
        <v>33715</v>
      </c>
      <c r="D8" t="s">
        <v>9</v>
      </c>
    </row>
    <row r="9" spans="1:4" x14ac:dyDescent="0.3">
      <c r="A9" t="s">
        <v>20</v>
      </c>
      <c r="B9" t="s">
        <v>21</v>
      </c>
      <c r="C9" s="1">
        <v>27957</v>
      </c>
      <c r="D9" t="s">
        <v>9</v>
      </c>
    </row>
    <row r="10" spans="1:4" x14ac:dyDescent="0.3">
      <c r="A10" t="s">
        <v>22</v>
      </c>
      <c r="B10" t="s">
        <v>23</v>
      </c>
      <c r="C10" s="1">
        <v>8092</v>
      </c>
      <c r="D10" t="s">
        <v>9</v>
      </c>
    </row>
    <row r="11" spans="1:4" x14ac:dyDescent="0.3">
      <c r="A11" t="s">
        <v>24</v>
      </c>
      <c r="B11" t="s">
        <v>25</v>
      </c>
      <c r="C11" s="1">
        <v>15477</v>
      </c>
      <c r="D11" t="s">
        <v>6</v>
      </c>
    </row>
    <row r="12" spans="1:4" x14ac:dyDescent="0.3">
      <c r="A12" t="s">
        <v>26</v>
      </c>
      <c r="B12" t="s">
        <v>27</v>
      </c>
      <c r="C12" s="1">
        <v>25397</v>
      </c>
      <c r="D12" t="s">
        <v>6</v>
      </c>
    </row>
    <row r="13" spans="1:4" x14ac:dyDescent="0.3">
      <c r="A13" t="s">
        <v>28</v>
      </c>
      <c r="B13" t="s">
        <v>29</v>
      </c>
      <c r="C13" s="1">
        <v>31422</v>
      </c>
      <c r="D13" t="s">
        <v>6</v>
      </c>
    </row>
    <row r="14" spans="1:4" x14ac:dyDescent="0.3">
      <c r="A14" t="s">
        <v>30</v>
      </c>
      <c r="B14" t="s">
        <v>31</v>
      </c>
      <c r="C14" s="1">
        <v>7794</v>
      </c>
      <c r="D14" t="s">
        <v>6</v>
      </c>
    </row>
    <row r="15" spans="1:4" x14ac:dyDescent="0.3">
      <c r="A15" t="s">
        <v>32</v>
      </c>
      <c r="B15" t="s">
        <v>33</v>
      </c>
      <c r="C15" s="1">
        <v>16090</v>
      </c>
      <c r="D15" t="s">
        <v>9</v>
      </c>
    </row>
    <row r="16" spans="1:4" x14ac:dyDescent="0.3">
      <c r="A16" t="s">
        <v>34</v>
      </c>
      <c r="B16" t="s">
        <v>35</v>
      </c>
      <c r="C16" s="1">
        <v>26048</v>
      </c>
      <c r="D16" t="s">
        <v>6</v>
      </c>
    </row>
    <row r="17" spans="1:4" x14ac:dyDescent="0.3">
      <c r="A17" t="s">
        <v>36</v>
      </c>
      <c r="B17" t="s">
        <v>37</v>
      </c>
      <c r="C17" s="1">
        <v>32345</v>
      </c>
      <c r="D17" t="s">
        <v>6</v>
      </c>
    </row>
    <row r="18" spans="1:4" x14ac:dyDescent="0.3">
      <c r="A18" t="s">
        <v>38</v>
      </c>
      <c r="B18" t="s">
        <v>39</v>
      </c>
      <c r="C18" s="1">
        <v>28174</v>
      </c>
      <c r="D18" t="s">
        <v>6</v>
      </c>
    </row>
    <row r="19" spans="1:4" x14ac:dyDescent="0.3">
      <c r="A19" t="s">
        <v>40</v>
      </c>
      <c r="B19" t="s">
        <v>41</v>
      </c>
      <c r="C19" s="1">
        <v>19339</v>
      </c>
      <c r="D19" t="s">
        <v>6</v>
      </c>
    </row>
    <row r="20" spans="1:4" x14ac:dyDescent="0.3">
      <c r="A20" t="s">
        <v>42</v>
      </c>
      <c r="B20" t="s">
        <v>43</v>
      </c>
      <c r="C20" s="1">
        <v>17810</v>
      </c>
      <c r="D20" t="s">
        <v>6</v>
      </c>
    </row>
    <row r="21" spans="1:4" x14ac:dyDescent="0.3">
      <c r="A21" t="s">
        <v>44</v>
      </c>
      <c r="B21" t="s">
        <v>45</v>
      </c>
      <c r="C21" s="1">
        <v>15974</v>
      </c>
      <c r="D21" t="s">
        <v>6</v>
      </c>
    </row>
    <row r="22" spans="1:4" x14ac:dyDescent="0.3">
      <c r="A22" t="s">
        <v>46</v>
      </c>
      <c r="B22" t="s">
        <v>47</v>
      </c>
      <c r="C22" s="1">
        <v>9414</v>
      </c>
      <c r="D22" t="s">
        <v>6</v>
      </c>
    </row>
    <row r="23" spans="1:4" x14ac:dyDescent="0.3">
      <c r="A23" t="s">
        <v>48</v>
      </c>
      <c r="B23" t="s">
        <v>49</v>
      </c>
      <c r="C23" s="1">
        <v>21224</v>
      </c>
      <c r="D23" t="s">
        <v>9</v>
      </c>
    </row>
    <row r="24" spans="1:4" x14ac:dyDescent="0.3">
      <c r="A24" t="s">
        <v>50</v>
      </c>
      <c r="B24" t="s">
        <v>51</v>
      </c>
      <c r="C24" s="1">
        <v>19579</v>
      </c>
      <c r="D24" t="s">
        <v>9</v>
      </c>
    </row>
    <row r="25" spans="1:4" x14ac:dyDescent="0.3">
      <c r="A25" t="s">
        <v>52</v>
      </c>
      <c r="B25" t="s">
        <v>53</v>
      </c>
      <c r="C25" s="1">
        <v>9541</v>
      </c>
      <c r="D25" t="s">
        <v>6</v>
      </c>
    </row>
    <row r="26" spans="1:4" x14ac:dyDescent="0.3">
      <c r="A26" t="s">
        <v>54</v>
      </c>
      <c r="B26" t="s">
        <v>55</v>
      </c>
      <c r="C26" s="1">
        <v>35957</v>
      </c>
      <c r="D26" t="s">
        <v>6</v>
      </c>
    </row>
    <row r="27" spans="1:4" x14ac:dyDescent="0.3">
      <c r="A27" t="s">
        <v>56</v>
      </c>
      <c r="B27" t="s">
        <v>57</v>
      </c>
      <c r="C27" s="1">
        <v>10097</v>
      </c>
      <c r="D27" t="s">
        <v>6</v>
      </c>
    </row>
    <row r="28" spans="1:4" x14ac:dyDescent="0.3">
      <c r="A28" t="s">
        <v>58</v>
      </c>
      <c r="B28" t="s">
        <v>59</v>
      </c>
      <c r="C28" s="1">
        <v>34249</v>
      </c>
      <c r="D28" t="s">
        <v>6</v>
      </c>
    </row>
    <row r="29" spans="1:4" x14ac:dyDescent="0.3">
      <c r="A29" t="s">
        <v>60</v>
      </c>
      <c r="B29" t="s">
        <v>61</v>
      </c>
      <c r="C29" s="1">
        <v>28578</v>
      </c>
      <c r="D29" t="s">
        <v>9</v>
      </c>
    </row>
    <row r="30" spans="1:4" x14ac:dyDescent="0.3">
      <c r="A30" t="s">
        <v>62</v>
      </c>
      <c r="B30" t="s">
        <v>63</v>
      </c>
      <c r="C30" s="1">
        <v>26014</v>
      </c>
      <c r="D30" t="s">
        <v>9</v>
      </c>
    </row>
    <row r="31" spans="1:4" x14ac:dyDescent="0.3">
      <c r="A31" t="s">
        <v>64</v>
      </c>
      <c r="B31" t="s">
        <v>65</v>
      </c>
      <c r="C31" s="1">
        <v>15646</v>
      </c>
      <c r="D31" t="s">
        <v>9</v>
      </c>
    </row>
    <row r="32" spans="1:4" x14ac:dyDescent="0.3">
      <c r="A32" t="s">
        <v>66</v>
      </c>
      <c r="B32" t="s">
        <v>67</v>
      </c>
      <c r="C32" s="1">
        <v>34515</v>
      </c>
      <c r="D32" t="s">
        <v>6</v>
      </c>
    </row>
    <row r="33" spans="1:4" x14ac:dyDescent="0.3">
      <c r="A33" t="s">
        <v>68</v>
      </c>
      <c r="B33" t="s">
        <v>69</v>
      </c>
      <c r="C33" s="1">
        <v>27343</v>
      </c>
      <c r="D33" t="s">
        <v>6</v>
      </c>
    </row>
    <row r="34" spans="1:4" x14ac:dyDescent="0.3">
      <c r="A34" t="s">
        <v>70</v>
      </c>
      <c r="B34" t="s">
        <v>71</v>
      </c>
      <c r="C34" s="1">
        <v>17542</v>
      </c>
      <c r="D34" t="s">
        <v>6</v>
      </c>
    </row>
    <row r="35" spans="1:4" x14ac:dyDescent="0.3">
      <c r="A35" t="s">
        <v>72</v>
      </c>
      <c r="B35" t="s">
        <v>73</v>
      </c>
      <c r="C35" s="1">
        <v>15143</v>
      </c>
      <c r="D35" t="s">
        <v>9</v>
      </c>
    </row>
    <row r="36" spans="1:4" x14ac:dyDescent="0.3">
      <c r="A36" t="s">
        <v>74</v>
      </c>
      <c r="B36" t="s">
        <v>75</v>
      </c>
      <c r="C36" s="1">
        <v>10463</v>
      </c>
      <c r="D36" t="s">
        <v>6</v>
      </c>
    </row>
    <row r="37" spans="1:4" x14ac:dyDescent="0.3">
      <c r="A37" t="s">
        <v>76</v>
      </c>
      <c r="B37" t="s">
        <v>77</v>
      </c>
      <c r="C37" s="1">
        <v>10491</v>
      </c>
      <c r="D37" t="s">
        <v>9</v>
      </c>
    </row>
    <row r="38" spans="1:4" x14ac:dyDescent="0.3">
      <c r="A38" t="s">
        <v>78</v>
      </c>
      <c r="B38" t="s">
        <v>79</v>
      </c>
      <c r="C38" s="1">
        <v>27922</v>
      </c>
      <c r="D38" t="s">
        <v>9</v>
      </c>
    </row>
    <row r="39" spans="1:4" x14ac:dyDescent="0.3">
      <c r="A39" t="s">
        <v>80</v>
      </c>
      <c r="B39" t="s">
        <v>81</v>
      </c>
      <c r="C39" s="1">
        <v>32453</v>
      </c>
      <c r="D39" t="s">
        <v>6</v>
      </c>
    </row>
    <row r="40" spans="1:4" x14ac:dyDescent="0.3">
      <c r="A40" t="s">
        <v>82</v>
      </c>
      <c r="B40" t="s">
        <v>83</v>
      </c>
      <c r="C40" s="1">
        <v>10814</v>
      </c>
      <c r="D40" t="s">
        <v>9</v>
      </c>
    </row>
    <row r="41" spans="1:4" x14ac:dyDescent="0.3">
      <c r="A41" t="s">
        <v>84</v>
      </c>
      <c r="B41" t="s">
        <v>85</v>
      </c>
      <c r="C41" s="1">
        <v>12197</v>
      </c>
      <c r="D41" t="s">
        <v>9</v>
      </c>
    </row>
    <row r="42" spans="1:4" x14ac:dyDescent="0.3">
      <c r="A42" t="s">
        <v>86</v>
      </c>
      <c r="B42" t="s">
        <v>87</v>
      </c>
      <c r="C42" s="1">
        <v>31060</v>
      </c>
      <c r="D42" t="s">
        <v>9</v>
      </c>
    </row>
    <row r="43" spans="1:4" x14ac:dyDescent="0.3">
      <c r="A43" t="s">
        <v>88</v>
      </c>
      <c r="B43" t="s">
        <v>89</v>
      </c>
      <c r="C43" s="1">
        <v>30660</v>
      </c>
      <c r="D43" t="s">
        <v>9</v>
      </c>
    </row>
    <row r="44" spans="1:4" x14ac:dyDescent="0.3">
      <c r="A44" t="s">
        <v>90</v>
      </c>
      <c r="B44" t="s">
        <v>91</v>
      </c>
      <c r="C44" s="1">
        <v>18722</v>
      </c>
      <c r="D44" t="s">
        <v>6</v>
      </c>
    </row>
    <row r="45" spans="1:4" x14ac:dyDescent="0.3">
      <c r="A45" t="s">
        <v>92</v>
      </c>
      <c r="B45" t="s">
        <v>93</v>
      </c>
      <c r="C45" s="1">
        <v>32162</v>
      </c>
      <c r="D45" t="s">
        <v>6</v>
      </c>
    </row>
    <row r="46" spans="1:4" x14ac:dyDescent="0.3">
      <c r="A46" t="s">
        <v>94</v>
      </c>
      <c r="B46" t="s">
        <v>95</v>
      </c>
      <c r="C46" s="1">
        <v>22790</v>
      </c>
      <c r="D46" t="s">
        <v>9</v>
      </c>
    </row>
    <row r="47" spans="1:4" x14ac:dyDescent="0.3">
      <c r="A47" t="s">
        <v>96</v>
      </c>
      <c r="B47" t="s">
        <v>97</v>
      </c>
      <c r="C47" s="1">
        <v>10601</v>
      </c>
      <c r="D47" t="s">
        <v>6</v>
      </c>
    </row>
    <row r="48" spans="1:4" x14ac:dyDescent="0.3">
      <c r="A48" t="s">
        <v>98</v>
      </c>
      <c r="B48" t="s">
        <v>99</v>
      </c>
      <c r="C48" s="1">
        <v>25243</v>
      </c>
      <c r="D48" t="s">
        <v>6</v>
      </c>
    </row>
    <row r="49" spans="1:4" x14ac:dyDescent="0.3">
      <c r="A49" t="s">
        <v>100</v>
      </c>
      <c r="B49" t="s">
        <v>101</v>
      </c>
      <c r="C49" s="1">
        <v>30323</v>
      </c>
      <c r="D49" t="s">
        <v>6</v>
      </c>
    </row>
    <row r="50" spans="1:4" x14ac:dyDescent="0.3">
      <c r="A50" t="s">
        <v>102</v>
      </c>
      <c r="B50" t="s">
        <v>103</v>
      </c>
      <c r="C50" s="1">
        <v>12501</v>
      </c>
      <c r="D50" t="s">
        <v>9</v>
      </c>
    </row>
    <row r="51" spans="1:4" x14ac:dyDescent="0.3">
      <c r="A51" t="s">
        <v>104</v>
      </c>
      <c r="B51" t="s">
        <v>105</v>
      </c>
      <c r="C51" s="1">
        <v>23481</v>
      </c>
      <c r="D51" t="s">
        <v>6</v>
      </c>
    </row>
    <row r="52" spans="1:4" x14ac:dyDescent="0.3">
      <c r="A52" t="s">
        <v>106</v>
      </c>
      <c r="B52" t="s">
        <v>107</v>
      </c>
      <c r="C52" s="1">
        <v>12477</v>
      </c>
      <c r="D52" t="s">
        <v>6</v>
      </c>
    </row>
    <row r="53" spans="1:4" x14ac:dyDescent="0.3">
      <c r="A53" t="s">
        <v>108</v>
      </c>
      <c r="B53" t="s">
        <v>109</v>
      </c>
      <c r="C53" s="1">
        <v>13361</v>
      </c>
      <c r="D53" t="s">
        <v>6</v>
      </c>
    </row>
    <row r="54" spans="1:4" x14ac:dyDescent="0.3">
      <c r="A54" t="s">
        <v>110</v>
      </c>
      <c r="B54" t="s">
        <v>111</v>
      </c>
      <c r="C54" s="1">
        <v>29252</v>
      </c>
      <c r="D54" t="s">
        <v>6</v>
      </c>
    </row>
    <row r="55" spans="1:4" x14ac:dyDescent="0.3">
      <c r="A55" t="s">
        <v>112</v>
      </c>
      <c r="B55" t="s">
        <v>113</v>
      </c>
      <c r="C55" s="1">
        <v>27441</v>
      </c>
      <c r="D55" t="s">
        <v>6</v>
      </c>
    </row>
    <row r="56" spans="1:4" x14ac:dyDescent="0.3">
      <c r="A56" t="s">
        <v>114</v>
      </c>
      <c r="B56" t="s">
        <v>115</v>
      </c>
      <c r="C56" s="1">
        <v>31294</v>
      </c>
      <c r="D56" t="s">
        <v>6</v>
      </c>
    </row>
    <row r="57" spans="1:4" x14ac:dyDescent="0.3">
      <c r="A57" t="s">
        <v>116</v>
      </c>
      <c r="B57" t="s">
        <v>117</v>
      </c>
      <c r="C57" s="1">
        <v>20413</v>
      </c>
      <c r="D57" t="s">
        <v>9</v>
      </c>
    </row>
    <row r="58" spans="1:4" x14ac:dyDescent="0.3">
      <c r="A58" t="s">
        <v>118</v>
      </c>
      <c r="B58" t="s">
        <v>119</v>
      </c>
      <c r="C58" s="1">
        <v>24863</v>
      </c>
      <c r="D58" t="s">
        <v>6</v>
      </c>
    </row>
    <row r="59" spans="1:4" x14ac:dyDescent="0.3">
      <c r="A59" t="s">
        <v>120</v>
      </c>
      <c r="B59" t="s">
        <v>121</v>
      </c>
      <c r="C59" s="1">
        <v>16814</v>
      </c>
      <c r="D59" t="s">
        <v>9</v>
      </c>
    </row>
    <row r="60" spans="1:4" x14ac:dyDescent="0.3">
      <c r="A60" t="s">
        <v>122</v>
      </c>
      <c r="B60" t="s">
        <v>123</v>
      </c>
      <c r="C60" s="1">
        <v>18780</v>
      </c>
      <c r="D60" t="s">
        <v>6</v>
      </c>
    </row>
    <row r="61" spans="1:4" x14ac:dyDescent="0.3">
      <c r="A61" t="s">
        <v>124</v>
      </c>
      <c r="B61" t="s">
        <v>125</v>
      </c>
      <c r="C61" s="1">
        <v>22785</v>
      </c>
      <c r="D61" t="s">
        <v>6</v>
      </c>
    </row>
    <row r="62" spans="1:4" x14ac:dyDescent="0.3">
      <c r="A62" t="s">
        <v>126</v>
      </c>
      <c r="B62" t="s">
        <v>127</v>
      </c>
      <c r="C62" s="1">
        <v>20070</v>
      </c>
      <c r="D62" t="s">
        <v>9</v>
      </c>
    </row>
    <row r="63" spans="1:4" x14ac:dyDescent="0.3">
      <c r="A63" t="s">
        <v>128</v>
      </c>
      <c r="B63" t="s">
        <v>129</v>
      </c>
      <c r="C63" s="1">
        <v>9793</v>
      </c>
      <c r="D63" t="s">
        <v>9</v>
      </c>
    </row>
    <row r="64" spans="1:4" x14ac:dyDescent="0.3">
      <c r="A64" t="s">
        <v>130</v>
      </c>
      <c r="B64" t="s">
        <v>131</v>
      </c>
      <c r="C64" s="1">
        <v>17765</v>
      </c>
      <c r="D64" t="s">
        <v>9</v>
      </c>
    </row>
    <row r="65" spans="1:4" x14ac:dyDescent="0.3">
      <c r="A65" t="s">
        <v>132</v>
      </c>
      <c r="B65" t="s">
        <v>133</v>
      </c>
      <c r="C65" s="1">
        <v>20033</v>
      </c>
      <c r="D65" t="s">
        <v>6</v>
      </c>
    </row>
    <row r="66" spans="1:4" x14ac:dyDescent="0.3">
      <c r="A66" t="s">
        <v>134</v>
      </c>
      <c r="B66" t="s">
        <v>135</v>
      </c>
      <c r="C66" s="1">
        <v>33873</v>
      </c>
      <c r="D66" t="s">
        <v>6</v>
      </c>
    </row>
    <row r="67" spans="1:4" x14ac:dyDescent="0.3">
      <c r="A67" t="s">
        <v>136</v>
      </c>
      <c r="B67" t="s">
        <v>137</v>
      </c>
      <c r="C67" s="1">
        <v>22876</v>
      </c>
      <c r="D67" t="s">
        <v>6</v>
      </c>
    </row>
    <row r="68" spans="1:4" x14ac:dyDescent="0.3">
      <c r="A68" t="s">
        <v>138</v>
      </c>
      <c r="B68" t="s">
        <v>139</v>
      </c>
      <c r="C68" s="1">
        <v>31757</v>
      </c>
      <c r="D68" t="s">
        <v>6</v>
      </c>
    </row>
    <row r="69" spans="1:4" x14ac:dyDescent="0.3">
      <c r="A69" t="s">
        <v>140</v>
      </c>
      <c r="B69" t="s">
        <v>141</v>
      </c>
      <c r="C69" s="1">
        <v>24731</v>
      </c>
      <c r="D69" t="s">
        <v>9</v>
      </c>
    </row>
    <row r="70" spans="1:4" x14ac:dyDescent="0.3">
      <c r="A70" t="s">
        <v>142</v>
      </c>
      <c r="B70" t="s">
        <v>143</v>
      </c>
      <c r="C70" s="1">
        <v>36169</v>
      </c>
      <c r="D70" t="s">
        <v>9</v>
      </c>
    </row>
    <row r="71" spans="1:4" x14ac:dyDescent="0.3">
      <c r="A71" t="s">
        <v>144</v>
      </c>
      <c r="B71" t="s">
        <v>145</v>
      </c>
      <c r="C71" s="1">
        <v>26683</v>
      </c>
      <c r="D71" t="s">
        <v>6</v>
      </c>
    </row>
    <row r="72" spans="1:4" x14ac:dyDescent="0.3">
      <c r="A72" t="s">
        <v>146</v>
      </c>
      <c r="B72" t="s">
        <v>147</v>
      </c>
      <c r="C72" s="1">
        <v>17784</v>
      </c>
      <c r="D72" t="s">
        <v>6</v>
      </c>
    </row>
    <row r="73" spans="1:4" x14ac:dyDescent="0.3">
      <c r="A73" t="s">
        <v>148</v>
      </c>
      <c r="B73" t="s">
        <v>149</v>
      </c>
      <c r="C73" s="1">
        <v>31177</v>
      </c>
      <c r="D73" t="s">
        <v>9</v>
      </c>
    </row>
    <row r="74" spans="1:4" x14ac:dyDescent="0.3">
      <c r="A74" t="s">
        <v>150</v>
      </c>
      <c r="B74" t="s">
        <v>151</v>
      </c>
      <c r="C74" s="1">
        <v>25206</v>
      </c>
      <c r="D74" t="s">
        <v>6</v>
      </c>
    </row>
    <row r="75" spans="1:4" x14ac:dyDescent="0.3">
      <c r="A75" t="s">
        <v>152</v>
      </c>
      <c r="B75" t="s">
        <v>153</v>
      </c>
      <c r="C75" s="1">
        <v>29774</v>
      </c>
      <c r="D75" t="s">
        <v>9</v>
      </c>
    </row>
    <row r="76" spans="1:4" x14ac:dyDescent="0.3">
      <c r="A76" t="s">
        <v>154</v>
      </c>
      <c r="B76" t="s">
        <v>155</v>
      </c>
      <c r="C76" s="1">
        <v>8122</v>
      </c>
      <c r="D76" t="s">
        <v>6</v>
      </c>
    </row>
    <row r="77" spans="1:4" x14ac:dyDescent="0.3">
      <c r="A77" t="s">
        <v>156</v>
      </c>
      <c r="B77" t="s">
        <v>157</v>
      </c>
      <c r="C77" s="1">
        <v>13621</v>
      </c>
      <c r="D77" t="s">
        <v>9</v>
      </c>
    </row>
    <row r="78" spans="1:4" x14ac:dyDescent="0.3">
      <c r="A78" t="s">
        <v>158</v>
      </c>
      <c r="B78" t="s">
        <v>159</v>
      </c>
      <c r="C78" s="1">
        <v>10952</v>
      </c>
      <c r="D78" t="s">
        <v>9</v>
      </c>
    </row>
    <row r="79" spans="1:4" x14ac:dyDescent="0.3">
      <c r="A79" t="s">
        <v>160</v>
      </c>
      <c r="B79" t="s">
        <v>161</v>
      </c>
      <c r="C79" s="1">
        <v>12249</v>
      </c>
      <c r="D79" t="s">
        <v>6</v>
      </c>
    </row>
    <row r="80" spans="1:4" x14ac:dyDescent="0.3">
      <c r="A80" t="s">
        <v>162</v>
      </c>
      <c r="B80" t="s">
        <v>163</v>
      </c>
      <c r="C80" s="1">
        <v>32402</v>
      </c>
      <c r="D80" t="s">
        <v>6</v>
      </c>
    </row>
    <row r="81" spans="1:4" x14ac:dyDescent="0.3">
      <c r="A81" t="s">
        <v>164</v>
      </c>
      <c r="B81" t="s">
        <v>165</v>
      </c>
      <c r="C81" s="1">
        <v>33199</v>
      </c>
      <c r="D81" t="s">
        <v>6</v>
      </c>
    </row>
    <row r="82" spans="1:4" x14ac:dyDescent="0.3">
      <c r="A82" t="s">
        <v>166</v>
      </c>
      <c r="B82" t="s">
        <v>167</v>
      </c>
      <c r="C82" s="1">
        <v>16937</v>
      </c>
      <c r="D82" t="s">
        <v>6</v>
      </c>
    </row>
    <row r="83" spans="1:4" x14ac:dyDescent="0.3">
      <c r="A83" t="s">
        <v>168</v>
      </c>
      <c r="B83" t="s">
        <v>169</v>
      </c>
      <c r="C83" s="1">
        <v>27042</v>
      </c>
      <c r="D83" t="s">
        <v>9</v>
      </c>
    </row>
    <row r="84" spans="1:4" x14ac:dyDescent="0.3">
      <c r="A84" t="s">
        <v>170</v>
      </c>
      <c r="B84" t="s">
        <v>171</v>
      </c>
      <c r="C84" s="1">
        <v>17200</v>
      </c>
      <c r="D84" t="s">
        <v>6</v>
      </c>
    </row>
    <row r="85" spans="1:4" x14ac:dyDescent="0.3">
      <c r="A85" t="s">
        <v>172</v>
      </c>
      <c r="B85" t="s">
        <v>173</v>
      </c>
      <c r="C85" s="1">
        <v>34462</v>
      </c>
      <c r="D85" t="s">
        <v>6</v>
      </c>
    </row>
    <row r="86" spans="1:4" x14ac:dyDescent="0.3">
      <c r="A86" t="s">
        <v>174</v>
      </c>
      <c r="B86" t="s">
        <v>175</v>
      </c>
      <c r="C86" s="1">
        <v>15396</v>
      </c>
      <c r="D86" t="s">
        <v>6</v>
      </c>
    </row>
    <row r="87" spans="1:4" x14ac:dyDescent="0.3">
      <c r="A87" t="s">
        <v>176</v>
      </c>
      <c r="B87" t="s">
        <v>177</v>
      </c>
      <c r="C87" s="1">
        <v>23569</v>
      </c>
      <c r="D87" t="s">
        <v>6</v>
      </c>
    </row>
    <row r="88" spans="1:4" x14ac:dyDescent="0.3">
      <c r="A88" t="s">
        <v>178</v>
      </c>
      <c r="B88" t="s">
        <v>179</v>
      </c>
      <c r="C88" s="1">
        <v>22073</v>
      </c>
      <c r="D88" t="s">
        <v>9</v>
      </c>
    </row>
    <row r="89" spans="1:4" x14ac:dyDescent="0.3">
      <c r="A89" t="s">
        <v>180</v>
      </c>
      <c r="B89" t="s">
        <v>181</v>
      </c>
      <c r="C89" s="1">
        <v>22124</v>
      </c>
      <c r="D89" t="s">
        <v>6</v>
      </c>
    </row>
    <row r="90" spans="1:4" x14ac:dyDescent="0.3">
      <c r="A90" t="s">
        <v>182</v>
      </c>
      <c r="B90" t="s">
        <v>183</v>
      </c>
      <c r="C90" s="1">
        <v>12556</v>
      </c>
      <c r="D90" t="s">
        <v>6</v>
      </c>
    </row>
    <row r="91" spans="1:4" x14ac:dyDescent="0.3">
      <c r="A91" t="s">
        <v>184</v>
      </c>
      <c r="B91" t="s">
        <v>185</v>
      </c>
      <c r="C91" s="1">
        <v>15184</v>
      </c>
      <c r="D91" t="s">
        <v>9</v>
      </c>
    </row>
    <row r="92" spans="1:4" x14ac:dyDescent="0.3">
      <c r="A92" t="s">
        <v>186</v>
      </c>
      <c r="B92" t="s">
        <v>187</v>
      </c>
      <c r="C92" s="1">
        <v>33669</v>
      </c>
      <c r="D92" t="s">
        <v>9</v>
      </c>
    </row>
    <row r="93" spans="1:4" x14ac:dyDescent="0.3">
      <c r="A93" t="s">
        <v>188</v>
      </c>
      <c r="B93" t="s">
        <v>189</v>
      </c>
      <c r="C93" s="1">
        <v>31943</v>
      </c>
      <c r="D93" t="s">
        <v>9</v>
      </c>
    </row>
    <row r="94" spans="1:4" x14ac:dyDescent="0.3">
      <c r="A94" t="s">
        <v>190</v>
      </c>
      <c r="B94" t="s">
        <v>191</v>
      </c>
      <c r="C94" s="1">
        <v>20326</v>
      </c>
      <c r="D94" t="s">
        <v>9</v>
      </c>
    </row>
    <row r="95" spans="1:4" x14ac:dyDescent="0.3">
      <c r="A95" t="s">
        <v>54</v>
      </c>
      <c r="B95" t="s">
        <v>192</v>
      </c>
      <c r="C95" s="1">
        <v>19004</v>
      </c>
      <c r="D95" t="s">
        <v>6</v>
      </c>
    </row>
    <row r="96" spans="1:4" x14ac:dyDescent="0.3">
      <c r="A96" t="s">
        <v>193</v>
      </c>
      <c r="B96" t="s">
        <v>194</v>
      </c>
      <c r="C96" s="1">
        <v>15746</v>
      </c>
      <c r="D96" t="s">
        <v>9</v>
      </c>
    </row>
    <row r="97" spans="1:4" x14ac:dyDescent="0.3">
      <c r="A97" t="s">
        <v>195</v>
      </c>
      <c r="B97" t="s">
        <v>196</v>
      </c>
      <c r="C97" s="1">
        <v>22836</v>
      </c>
      <c r="D97" t="s">
        <v>9</v>
      </c>
    </row>
    <row r="98" spans="1:4" x14ac:dyDescent="0.3">
      <c r="A98" t="s">
        <v>197</v>
      </c>
      <c r="B98" t="s">
        <v>198</v>
      </c>
      <c r="C98" s="1">
        <v>24327</v>
      </c>
      <c r="D98" t="s">
        <v>9</v>
      </c>
    </row>
    <row r="99" spans="1:4" x14ac:dyDescent="0.3">
      <c r="A99" t="s">
        <v>199</v>
      </c>
      <c r="B99" t="s">
        <v>200</v>
      </c>
      <c r="C99" s="1">
        <v>11509</v>
      </c>
      <c r="D99" t="s">
        <v>9</v>
      </c>
    </row>
    <row r="100" spans="1:4" x14ac:dyDescent="0.3">
      <c r="A100" t="s">
        <v>201</v>
      </c>
      <c r="B100" t="s">
        <v>202</v>
      </c>
      <c r="C100" s="1">
        <v>11128</v>
      </c>
      <c r="D100" t="s">
        <v>9</v>
      </c>
    </row>
    <row r="101" spans="1:4" x14ac:dyDescent="0.3">
      <c r="A101" t="s">
        <v>203</v>
      </c>
      <c r="B101" t="s">
        <v>204</v>
      </c>
      <c r="C101" s="1">
        <v>16775</v>
      </c>
      <c r="D101" t="s">
        <v>9</v>
      </c>
    </row>
    <row r="102" spans="1:4" x14ac:dyDescent="0.3">
      <c r="A102" t="s">
        <v>205</v>
      </c>
      <c r="B102" t="s">
        <v>206</v>
      </c>
      <c r="C102" s="1">
        <v>12318</v>
      </c>
      <c r="D102" t="s">
        <v>9</v>
      </c>
    </row>
    <row r="103" spans="1:4" x14ac:dyDescent="0.3">
      <c r="A103" t="s">
        <v>207</v>
      </c>
      <c r="B103" t="s">
        <v>208</v>
      </c>
      <c r="C103" s="1">
        <v>13045</v>
      </c>
      <c r="D103" t="s">
        <v>9</v>
      </c>
    </row>
    <row r="104" spans="1:4" x14ac:dyDescent="0.3">
      <c r="A104" t="s">
        <v>209</v>
      </c>
      <c r="B104" t="s">
        <v>210</v>
      </c>
      <c r="C104" s="1">
        <v>19205</v>
      </c>
      <c r="D104" t="s">
        <v>6</v>
      </c>
    </row>
    <row r="105" spans="1:4" x14ac:dyDescent="0.3">
      <c r="A105" t="s">
        <v>211</v>
      </c>
      <c r="B105" t="s">
        <v>212</v>
      </c>
      <c r="C105" s="1">
        <v>29485</v>
      </c>
      <c r="D105" t="s">
        <v>6</v>
      </c>
    </row>
    <row r="106" spans="1:4" x14ac:dyDescent="0.3">
      <c r="A106" t="s">
        <v>213</v>
      </c>
      <c r="B106" t="s">
        <v>214</v>
      </c>
      <c r="C106" s="1">
        <v>12022</v>
      </c>
      <c r="D106" t="s">
        <v>9</v>
      </c>
    </row>
    <row r="107" spans="1:4" x14ac:dyDescent="0.3">
      <c r="A107" t="s">
        <v>215</v>
      </c>
      <c r="B107" t="s">
        <v>216</v>
      </c>
      <c r="C107" s="1">
        <v>16904</v>
      </c>
      <c r="D107" t="s">
        <v>9</v>
      </c>
    </row>
    <row r="108" spans="1:4" x14ac:dyDescent="0.3">
      <c r="A108" t="s">
        <v>217</v>
      </c>
      <c r="B108" t="s">
        <v>218</v>
      </c>
      <c r="C108" s="1">
        <v>33078</v>
      </c>
      <c r="D108" t="s">
        <v>6</v>
      </c>
    </row>
    <row r="109" spans="1:4" x14ac:dyDescent="0.3">
      <c r="A109" t="s">
        <v>219</v>
      </c>
      <c r="B109" t="s">
        <v>220</v>
      </c>
      <c r="C109" s="1">
        <v>29875</v>
      </c>
      <c r="D109" t="s">
        <v>6</v>
      </c>
    </row>
    <row r="110" spans="1:4" x14ac:dyDescent="0.3">
      <c r="A110" t="s">
        <v>221</v>
      </c>
      <c r="B110" t="s">
        <v>222</v>
      </c>
      <c r="C110" s="1">
        <v>28465</v>
      </c>
      <c r="D110" t="s">
        <v>6</v>
      </c>
    </row>
    <row r="111" spans="1:4" x14ac:dyDescent="0.3">
      <c r="A111" t="s">
        <v>223</v>
      </c>
      <c r="B111" t="s">
        <v>224</v>
      </c>
      <c r="C111" s="1">
        <v>31949</v>
      </c>
      <c r="D111" t="s">
        <v>9</v>
      </c>
    </row>
    <row r="112" spans="1:4" x14ac:dyDescent="0.3">
      <c r="A112" t="s">
        <v>225</v>
      </c>
      <c r="B112" t="s">
        <v>226</v>
      </c>
      <c r="C112" s="1">
        <v>24760</v>
      </c>
      <c r="D112" t="s">
        <v>6</v>
      </c>
    </row>
    <row r="113" spans="1:4" x14ac:dyDescent="0.3">
      <c r="A113" t="s">
        <v>227</v>
      </c>
      <c r="B113" t="s">
        <v>228</v>
      </c>
      <c r="C113" s="1">
        <v>15579</v>
      </c>
      <c r="D113" t="s">
        <v>9</v>
      </c>
    </row>
    <row r="114" spans="1:4" x14ac:dyDescent="0.3">
      <c r="A114" t="s">
        <v>229</v>
      </c>
      <c r="B114" t="s">
        <v>230</v>
      </c>
      <c r="C114" s="1">
        <v>22681</v>
      </c>
      <c r="D114" t="s">
        <v>6</v>
      </c>
    </row>
    <row r="115" spans="1:4" x14ac:dyDescent="0.3">
      <c r="A115" t="s">
        <v>231</v>
      </c>
      <c r="B115" t="s">
        <v>232</v>
      </c>
      <c r="C115" s="1">
        <v>28269</v>
      </c>
      <c r="D115" t="s">
        <v>9</v>
      </c>
    </row>
    <row r="116" spans="1:4" x14ac:dyDescent="0.3">
      <c r="A116" t="s">
        <v>233</v>
      </c>
      <c r="B116" t="s">
        <v>234</v>
      </c>
      <c r="C116" s="1">
        <v>22981</v>
      </c>
      <c r="D116" t="s">
        <v>9</v>
      </c>
    </row>
    <row r="117" spans="1:4" x14ac:dyDescent="0.3">
      <c r="A117" t="s">
        <v>235</v>
      </c>
      <c r="B117" t="s">
        <v>236</v>
      </c>
      <c r="C117" s="1">
        <v>8042</v>
      </c>
      <c r="D117" t="s">
        <v>9</v>
      </c>
    </row>
    <row r="118" spans="1:4" x14ac:dyDescent="0.3">
      <c r="A118" t="s">
        <v>237</v>
      </c>
      <c r="B118" t="s">
        <v>238</v>
      </c>
      <c r="C118" s="1">
        <v>12257</v>
      </c>
      <c r="D118" t="s">
        <v>6</v>
      </c>
    </row>
    <row r="119" spans="1:4" x14ac:dyDescent="0.3">
      <c r="A119" t="s">
        <v>239</v>
      </c>
      <c r="B119" t="s">
        <v>240</v>
      </c>
      <c r="C119" s="1">
        <v>32189</v>
      </c>
      <c r="D119" t="s">
        <v>6</v>
      </c>
    </row>
    <row r="120" spans="1:4" x14ac:dyDescent="0.3">
      <c r="A120" t="s">
        <v>241</v>
      </c>
      <c r="B120" t="s">
        <v>242</v>
      </c>
      <c r="C120" s="1">
        <v>14896</v>
      </c>
      <c r="D120" t="s">
        <v>6</v>
      </c>
    </row>
    <row r="121" spans="1:4" x14ac:dyDescent="0.3">
      <c r="A121" t="s">
        <v>243</v>
      </c>
      <c r="B121" t="s">
        <v>244</v>
      </c>
      <c r="C121" s="1">
        <v>29745</v>
      </c>
      <c r="D121" t="s">
        <v>6</v>
      </c>
    </row>
    <row r="122" spans="1:4" x14ac:dyDescent="0.3">
      <c r="A122" t="s">
        <v>245</v>
      </c>
      <c r="B122" t="s">
        <v>246</v>
      </c>
      <c r="C122" s="1">
        <v>14211</v>
      </c>
      <c r="D122" t="s">
        <v>6</v>
      </c>
    </row>
    <row r="123" spans="1:4" x14ac:dyDescent="0.3">
      <c r="A123" t="s">
        <v>247</v>
      </c>
      <c r="B123" t="s">
        <v>248</v>
      </c>
      <c r="C123" s="1">
        <v>19854</v>
      </c>
      <c r="D123" t="s">
        <v>9</v>
      </c>
    </row>
    <row r="124" spans="1:4" x14ac:dyDescent="0.3">
      <c r="A124" t="s">
        <v>249</v>
      </c>
      <c r="B124" t="s">
        <v>250</v>
      </c>
      <c r="C124" s="1">
        <v>16717</v>
      </c>
      <c r="D124" t="s">
        <v>9</v>
      </c>
    </row>
    <row r="125" spans="1:4" x14ac:dyDescent="0.3">
      <c r="A125" t="s">
        <v>251</v>
      </c>
      <c r="B125" t="s">
        <v>252</v>
      </c>
      <c r="C125" s="1">
        <v>30687</v>
      </c>
      <c r="D125" t="s">
        <v>9</v>
      </c>
    </row>
    <row r="126" spans="1:4" x14ac:dyDescent="0.3">
      <c r="A126" t="s">
        <v>253</v>
      </c>
      <c r="B126" t="s">
        <v>254</v>
      </c>
      <c r="C126" s="1">
        <v>12145</v>
      </c>
      <c r="D126" t="s">
        <v>6</v>
      </c>
    </row>
    <row r="127" spans="1:4" x14ac:dyDescent="0.3">
      <c r="A127" t="s">
        <v>255</v>
      </c>
      <c r="B127" t="s">
        <v>256</v>
      </c>
      <c r="C127" s="1">
        <v>29422</v>
      </c>
      <c r="D127" t="s">
        <v>6</v>
      </c>
    </row>
    <row r="128" spans="1:4" x14ac:dyDescent="0.3">
      <c r="A128" t="s">
        <v>257</v>
      </c>
      <c r="B128" t="s">
        <v>258</v>
      </c>
      <c r="C128" s="1">
        <v>30335</v>
      </c>
      <c r="D128" t="s">
        <v>9</v>
      </c>
    </row>
    <row r="129" spans="1:4" x14ac:dyDescent="0.3">
      <c r="A129" t="s">
        <v>259</v>
      </c>
      <c r="B129" t="s">
        <v>260</v>
      </c>
      <c r="C129" s="1">
        <v>17435</v>
      </c>
      <c r="D129" t="s">
        <v>6</v>
      </c>
    </row>
    <row r="130" spans="1:4" x14ac:dyDescent="0.3">
      <c r="A130" t="s">
        <v>261</v>
      </c>
      <c r="B130" t="s">
        <v>262</v>
      </c>
      <c r="C130" s="1">
        <v>30398</v>
      </c>
      <c r="D130" t="s">
        <v>6</v>
      </c>
    </row>
    <row r="131" spans="1:4" x14ac:dyDescent="0.3">
      <c r="A131" t="s">
        <v>263</v>
      </c>
      <c r="B131" t="s">
        <v>264</v>
      </c>
      <c r="C131" s="1">
        <v>29501</v>
      </c>
      <c r="D131" t="s">
        <v>9</v>
      </c>
    </row>
    <row r="132" spans="1:4" x14ac:dyDescent="0.3">
      <c r="A132" t="s">
        <v>265</v>
      </c>
      <c r="B132" t="s">
        <v>266</v>
      </c>
      <c r="C132" s="1">
        <v>13926</v>
      </c>
      <c r="D132" t="s">
        <v>6</v>
      </c>
    </row>
    <row r="133" spans="1:4" x14ac:dyDescent="0.3">
      <c r="A133" t="s">
        <v>267</v>
      </c>
      <c r="B133" t="s">
        <v>268</v>
      </c>
      <c r="C133" s="1">
        <v>32656</v>
      </c>
      <c r="D133" t="s">
        <v>6</v>
      </c>
    </row>
    <row r="134" spans="1:4" x14ac:dyDescent="0.3">
      <c r="A134" t="s">
        <v>269</v>
      </c>
      <c r="B134" t="s">
        <v>270</v>
      </c>
      <c r="C134" s="1">
        <v>25670</v>
      </c>
      <c r="D134" t="s">
        <v>6</v>
      </c>
    </row>
    <row r="135" spans="1:4" x14ac:dyDescent="0.3">
      <c r="A135" t="s">
        <v>271</v>
      </c>
      <c r="B135" t="s">
        <v>272</v>
      </c>
      <c r="C135" s="1">
        <v>14104</v>
      </c>
      <c r="D135" t="s">
        <v>6</v>
      </c>
    </row>
    <row r="136" spans="1:4" x14ac:dyDescent="0.3">
      <c r="A136" t="s">
        <v>273</v>
      </c>
      <c r="B136" t="s">
        <v>274</v>
      </c>
      <c r="C136" s="1">
        <v>33462</v>
      </c>
      <c r="D136" t="s">
        <v>6</v>
      </c>
    </row>
    <row r="137" spans="1:4" x14ac:dyDescent="0.3">
      <c r="A137" t="s">
        <v>275</v>
      </c>
      <c r="B137" t="s">
        <v>276</v>
      </c>
      <c r="C137" s="1">
        <v>27612</v>
      </c>
      <c r="D137" t="s">
        <v>6</v>
      </c>
    </row>
    <row r="138" spans="1:4" x14ac:dyDescent="0.3">
      <c r="A138" t="s">
        <v>277</v>
      </c>
      <c r="B138" t="s">
        <v>278</v>
      </c>
      <c r="C138" s="1">
        <v>20053</v>
      </c>
      <c r="D138" t="s">
        <v>9</v>
      </c>
    </row>
    <row r="139" spans="1:4" x14ac:dyDescent="0.3">
      <c r="A139" t="s">
        <v>279</v>
      </c>
      <c r="B139" t="s">
        <v>280</v>
      </c>
      <c r="C139" s="1">
        <v>24108</v>
      </c>
      <c r="D139" t="s">
        <v>6</v>
      </c>
    </row>
    <row r="140" spans="1:4" x14ac:dyDescent="0.3">
      <c r="A140" t="s">
        <v>281</v>
      </c>
      <c r="B140" t="s">
        <v>282</v>
      </c>
      <c r="C140" s="1">
        <v>10160</v>
      </c>
      <c r="D140" t="s">
        <v>9</v>
      </c>
    </row>
    <row r="141" spans="1:4" x14ac:dyDescent="0.3">
      <c r="A141" t="s">
        <v>283</v>
      </c>
      <c r="B141" t="s">
        <v>284</v>
      </c>
      <c r="C141" s="1">
        <v>10780</v>
      </c>
      <c r="D141" t="s">
        <v>9</v>
      </c>
    </row>
    <row r="142" spans="1:4" x14ac:dyDescent="0.3">
      <c r="A142" t="s">
        <v>285</v>
      </c>
      <c r="B142" t="s">
        <v>286</v>
      </c>
      <c r="C142" s="1">
        <v>28911</v>
      </c>
      <c r="D142" t="s">
        <v>6</v>
      </c>
    </row>
    <row r="143" spans="1:4" x14ac:dyDescent="0.3">
      <c r="A143" t="s">
        <v>287</v>
      </c>
      <c r="B143" t="s">
        <v>288</v>
      </c>
      <c r="C143" s="1">
        <v>35977</v>
      </c>
      <c r="D143" t="s">
        <v>9</v>
      </c>
    </row>
    <row r="144" spans="1:4" x14ac:dyDescent="0.3">
      <c r="A144" t="s">
        <v>289</v>
      </c>
      <c r="B144" t="s">
        <v>290</v>
      </c>
      <c r="C144" s="1">
        <v>26104</v>
      </c>
      <c r="D144" t="s">
        <v>6</v>
      </c>
    </row>
    <row r="145" spans="1:4" x14ac:dyDescent="0.3">
      <c r="A145" t="s">
        <v>291</v>
      </c>
      <c r="B145" t="s">
        <v>292</v>
      </c>
      <c r="C145" s="1">
        <v>14346</v>
      </c>
      <c r="D145" t="s">
        <v>6</v>
      </c>
    </row>
    <row r="146" spans="1:4" x14ac:dyDescent="0.3">
      <c r="A146" t="s">
        <v>293</v>
      </c>
      <c r="B146" t="s">
        <v>294</v>
      </c>
      <c r="C146" s="1">
        <v>30129</v>
      </c>
      <c r="D146" t="s">
        <v>6</v>
      </c>
    </row>
    <row r="147" spans="1:4" x14ac:dyDescent="0.3">
      <c r="A147" t="s">
        <v>295</v>
      </c>
      <c r="B147" t="s">
        <v>296</v>
      </c>
      <c r="C147" s="1">
        <v>27400</v>
      </c>
      <c r="D147" t="s">
        <v>9</v>
      </c>
    </row>
    <row r="148" spans="1:4" x14ac:dyDescent="0.3">
      <c r="A148" t="s">
        <v>297</v>
      </c>
      <c r="B148" t="s">
        <v>298</v>
      </c>
      <c r="C148" s="1">
        <v>13965</v>
      </c>
      <c r="D148" t="s">
        <v>6</v>
      </c>
    </row>
    <row r="149" spans="1:4" x14ac:dyDescent="0.3">
      <c r="A149" t="s">
        <v>299</v>
      </c>
      <c r="B149" t="s">
        <v>300</v>
      </c>
      <c r="C149" s="1">
        <v>13313</v>
      </c>
      <c r="D149" t="s">
        <v>6</v>
      </c>
    </row>
    <row r="150" spans="1:4" x14ac:dyDescent="0.3">
      <c r="A150" t="s">
        <v>301</v>
      </c>
      <c r="B150" t="s">
        <v>302</v>
      </c>
      <c r="C150" s="1">
        <v>12767</v>
      </c>
      <c r="D150" t="s">
        <v>9</v>
      </c>
    </row>
    <row r="151" spans="1:4" x14ac:dyDescent="0.3">
      <c r="A151" t="s">
        <v>303</v>
      </c>
      <c r="B151" t="s">
        <v>304</v>
      </c>
      <c r="C151" s="1">
        <v>19196</v>
      </c>
      <c r="D151" t="s">
        <v>9</v>
      </c>
    </row>
    <row r="152" spans="1:4" x14ac:dyDescent="0.3">
      <c r="A152" t="s">
        <v>305</v>
      </c>
      <c r="B152" t="s">
        <v>306</v>
      </c>
      <c r="C152" s="1">
        <v>20613</v>
      </c>
      <c r="D152" t="s">
        <v>9</v>
      </c>
    </row>
    <row r="153" spans="1:4" x14ac:dyDescent="0.3">
      <c r="A153" t="s">
        <v>307</v>
      </c>
      <c r="B153" t="s">
        <v>308</v>
      </c>
      <c r="C153" s="1">
        <v>12729</v>
      </c>
      <c r="D153" t="s">
        <v>6</v>
      </c>
    </row>
    <row r="154" spans="1:4" x14ac:dyDescent="0.3">
      <c r="A154" t="s">
        <v>309</v>
      </c>
      <c r="B154" t="s">
        <v>310</v>
      </c>
      <c r="C154" s="1">
        <v>29090</v>
      </c>
      <c r="D154" t="s">
        <v>9</v>
      </c>
    </row>
    <row r="155" spans="1:4" x14ac:dyDescent="0.3">
      <c r="A155" t="s">
        <v>311</v>
      </c>
      <c r="B155" t="s">
        <v>312</v>
      </c>
      <c r="C155" s="1">
        <v>30478</v>
      </c>
      <c r="D155" t="s">
        <v>6</v>
      </c>
    </row>
    <row r="156" spans="1:4" x14ac:dyDescent="0.3">
      <c r="A156" t="s">
        <v>313</v>
      </c>
      <c r="B156" t="s">
        <v>314</v>
      </c>
      <c r="C156" s="1">
        <v>35491</v>
      </c>
      <c r="D156" t="s">
        <v>6</v>
      </c>
    </row>
    <row r="157" spans="1:4" x14ac:dyDescent="0.3">
      <c r="A157" t="s">
        <v>315</v>
      </c>
      <c r="B157" t="s">
        <v>316</v>
      </c>
      <c r="C157" s="1">
        <v>30864</v>
      </c>
      <c r="D157" t="s">
        <v>9</v>
      </c>
    </row>
    <row r="158" spans="1:4" x14ac:dyDescent="0.3">
      <c r="A158" t="s">
        <v>317</v>
      </c>
      <c r="B158" t="s">
        <v>318</v>
      </c>
      <c r="C158" s="1">
        <v>28431</v>
      </c>
      <c r="D158" t="s">
        <v>9</v>
      </c>
    </row>
    <row r="159" spans="1:4" x14ac:dyDescent="0.3">
      <c r="A159" t="s">
        <v>319</v>
      </c>
      <c r="B159" t="s">
        <v>320</v>
      </c>
      <c r="C159" s="1">
        <v>31932</v>
      </c>
      <c r="D159" t="s">
        <v>9</v>
      </c>
    </row>
    <row r="160" spans="1:4" x14ac:dyDescent="0.3">
      <c r="A160" t="s">
        <v>321</v>
      </c>
      <c r="B160" t="s">
        <v>322</v>
      </c>
      <c r="C160" s="1">
        <v>16161</v>
      </c>
      <c r="D160" t="s">
        <v>6</v>
      </c>
    </row>
    <row r="161" spans="1:4" x14ac:dyDescent="0.3">
      <c r="A161" t="s">
        <v>323</v>
      </c>
      <c r="B161" t="s">
        <v>324</v>
      </c>
      <c r="C161" s="1">
        <v>28221</v>
      </c>
      <c r="D161" t="s">
        <v>9</v>
      </c>
    </row>
    <row r="162" spans="1:4" x14ac:dyDescent="0.3">
      <c r="A162" t="s">
        <v>325</v>
      </c>
      <c r="B162" t="s">
        <v>326</v>
      </c>
      <c r="C162" s="1">
        <v>29188</v>
      </c>
      <c r="D162" t="s">
        <v>6</v>
      </c>
    </row>
    <row r="163" spans="1:4" x14ac:dyDescent="0.3">
      <c r="A163" t="s">
        <v>327</v>
      </c>
      <c r="B163" t="s">
        <v>328</v>
      </c>
      <c r="C163" s="1">
        <v>19536</v>
      </c>
      <c r="D163" t="s">
        <v>9</v>
      </c>
    </row>
    <row r="164" spans="1:4" x14ac:dyDescent="0.3">
      <c r="A164" t="s">
        <v>329</v>
      </c>
      <c r="B164" t="s">
        <v>330</v>
      </c>
      <c r="C164" s="1">
        <v>19395</v>
      </c>
      <c r="D164" t="s">
        <v>6</v>
      </c>
    </row>
    <row r="165" spans="1:4" x14ac:dyDescent="0.3">
      <c r="A165" t="s">
        <v>331</v>
      </c>
      <c r="B165" t="s">
        <v>332</v>
      </c>
      <c r="C165" s="1">
        <v>31607</v>
      </c>
      <c r="D165" t="s">
        <v>9</v>
      </c>
    </row>
    <row r="166" spans="1:4" x14ac:dyDescent="0.3">
      <c r="A166" t="s">
        <v>333</v>
      </c>
      <c r="B166" t="s">
        <v>334</v>
      </c>
      <c r="C166" s="1">
        <v>35312</v>
      </c>
      <c r="D166" t="s">
        <v>6</v>
      </c>
    </row>
    <row r="167" spans="1:4" x14ac:dyDescent="0.3">
      <c r="A167" t="s">
        <v>335</v>
      </c>
      <c r="B167" t="s">
        <v>336</v>
      </c>
      <c r="C167" s="1">
        <v>15800</v>
      </c>
      <c r="D167" t="s">
        <v>6</v>
      </c>
    </row>
    <row r="168" spans="1:4" x14ac:dyDescent="0.3">
      <c r="A168" t="s">
        <v>337</v>
      </c>
      <c r="B168" t="s">
        <v>338</v>
      </c>
      <c r="C168" s="1">
        <v>35730</v>
      </c>
      <c r="D168" t="s">
        <v>6</v>
      </c>
    </row>
    <row r="169" spans="1:4" x14ac:dyDescent="0.3">
      <c r="A169" t="s">
        <v>339</v>
      </c>
      <c r="B169" t="s">
        <v>340</v>
      </c>
      <c r="C169" s="1">
        <v>15866</v>
      </c>
      <c r="D169" t="s">
        <v>9</v>
      </c>
    </row>
    <row r="170" spans="1:4" x14ac:dyDescent="0.3">
      <c r="A170" t="s">
        <v>341</v>
      </c>
      <c r="B170" t="s">
        <v>342</v>
      </c>
      <c r="C170" s="1">
        <v>22908</v>
      </c>
      <c r="D170" t="s">
        <v>6</v>
      </c>
    </row>
    <row r="171" spans="1:4" x14ac:dyDescent="0.3">
      <c r="A171" t="s">
        <v>343</v>
      </c>
      <c r="B171" t="s">
        <v>344</v>
      </c>
      <c r="C171" s="1">
        <v>36230</v>
      </c>
      <c r="D171" t="s">
        <v>6</v>
      </c>
    </row>
    <row r="172" spans="1:4" x14ac:dyDescent="0.3">
      <c r="A172" t="s">
        <v>345</v>
      </c>
      <c r="B172" t="s">
        <v>346</v>
      </c>
      <c r="C172" s="1">
        <v>22247</v>
      </c>
      <c r="D172" t="s">
        <v>6</v>
      </c>
    </row>
    <row r="173" spans="1:4" x14ac:dyDescent="0.3">
      <c r="A173" t="s">
        <v>347</v>
      </c>
      <c r="B173" t="s">
        <v>348</v>
      </c>
      <c r="C173" s="1">
        <v>34928</v>
      </c>
      <c r="D173" t="s">
        <v>9</v>
      </c>
    </row>
    <row r="174" spans="1:4" x14ac:dyDescent="0.3">
      <c r="A174" t="s">
        <v>349</v>
      </c>
      <c r="B174" t="s">
        <v>350</v>
      </c>
      <c r="C174" s="1">
        <v>33867</v>
      </c>
      <c r="D174" t="s">
        <v>9</v>
      </c>
    </row>
    <row r="175" spans="1:4" x14ac:dyDescent="0.3">
      <c r="A175" t="s">
        <v>351</v>
      </c>
      <c r="B175" t="s">
        <v>352</v>
      </c>
      <c r="C175" s="1">
        <v>17877</v>
      </c>
      <c r="D175" t="s">
        <v>9</v>
      </c>
    </row>
    <row r="176" spans="1:4" x14ac:dyDescent="0.3">
      <c r="A176" t="s">
        <v>353</v>
      </c>
      <c r="B176" t="s">
        <v>354</v>
      </c>
      <c r="C176" s="1">
        <v>15434</v>
      </c>
      <c r="D176" t="s">
        <v>9</v>
      </c>
    </row>
    <row r="177" spans="1:4" x14ac:dyDescent="0.3">
      <c r="A177" t="s">
        <v>355</v>
      </c>
      <c r="B177" t="s">
        <v>356</v>
      </c>
      <c r="C177" s="1">
        <v>9686</v>
      </c>
      <c r="D177" t="s">
        <v>9</v>
      </c>
    </row>
    <row r="178" spans="1:4" x14ac:dyDescent="0.3">
      <c r="A178" t="s">
        <v>40</v>
      </c>
      <c r="B178" t="s">
        <v>357</v>
      </c>
      <c r="C178" s="1">
        <v>11964</v>
      </c>
      <c r="D178" t="s">
        <v>6</v>
      </c>
    </row>
    <row r="179" spans="1:4" x14ac:dyDescent="0.3">
      <c r="A179" t="s">
        <v>358</v>
      </c>
      <c r="B179" t="s">
        <v>359</v>
      </c>
      <c r="C179" s="1">
        <v>28674</v>
      </c>
      <c r="D179" t="s">
        <v>9</v>
      </c>
    </row>
    <row r="180" spans="1:4" x14ac:dyDescent="0.3">
      <c r="A180" t="s">
        <v>360</v>
      </c>
      <c r="B180" t="s">
        <v>361</v>
      </c>
      <c r="C180" s="1">
        <v>35876</v>
      </c>
      <c r="D180" t="s">
        <v>6</v>
      </c>
    </row>
    <row r="181" spans="1:4" x14ac:dyDescent="0.3">
      <c r="A181" t="s">
        <v>362</v>
      </c>
      <c r="B181" t="s">
        <v>363</v>
      </c>
      <c r="C181" s="1">
        <v>27679</v>
      </c>
      <c r="D181" t="s">
        <v>6</v>
      </c>
    </row>
    <row r="182" spans="1:4" x14ac:dyDescent="0.3">
      <c r="A182" t="s">
        <v>364</v>
      </c>
      <c r="B182" t="s">
        <v>365</v>
      </c>
      <c r="C182" s="1">
        <v>16417</v>
      </c>
      <c r="D182" t="s">
        <v>6</v>
      </c>
    </row>
    <row r="183" spans="1:4" x14ac:dyDescent="0.3">
      <c r="A183" t="s">
        <v>366</v>
      </c>
      <c r="B183" t="s">
        <v>367</v>
      </c>
      <c r="C183" s="1">
        <v>24913</v>
      </c>
      <c r="D183" t="s">
        <v>9</v>
      </c>
    </row>
    <row r="184" spans="1:4" x14ac:dyDescent="0.3">
      <c r="A184" t="s">
        <v>368</v>
      </c>
      <c r="B184" t="s">
        <v>369</v>
      </c>
      <c r="C184" s="1">
        <v>34831</v>
      </c>
      <c r="D184" t="s">
        <v>6</v>
      </c>
    </row>
    <row r="185" spans="1:4" x14ac:dyDescent="0.3">
      <c r="A185" t="s">
        <v>370</v>
      </c>
      <c r="B185" t="s">
        <v>371</v>
      </c>
      <c r="C185" s="1">
        <v>36368</v>
      </c>
      <c r="D185" t="s">
        <v>6</v>
      </c>
    </row>
    <row r="186" spans="1:4" x14ac:dyDescent="0.3">
      <c r="A186" t="s">
        <v>372</v>
      </c>
      <c r="B186" t="s">
        <v>373</v>
      </c>
      <c r="C186" s="1">
        <v>35579</v>
      </c>
      <c r="D186" t="s">
        <v>6</v>
      </c>
    </row>
    <row r="187" spans="1:4" x14ac:dyDescent="0.3">
      <c r="A187" t="s">
        <v>374</v>
      </c>
      <c r="B187" t="s">
        <v>375</v>
      </c>
      <c r="C187" s="1">
        <v>20591</v>
      </c>
      <c r="D187" t="s">
        <v>9</v>
      </c>
    </row>
    <row r="188" spans="1:4" x14ac:dyDescent="0.3">
      <c r="A188" t="s">
        <v>376</v>
      </c>
      <c r="B188" t="s">
        <v>377</v>
      </c>
      <c r="C188" s="1">
        <v>14131</v>
      </c>
      <c r="D188" t="s">
        <v>6</v>
      </c>
    </row>
    <row r="189" spans="1:4" x14ac:dyDescent="0.3">
      <c r="A189" t="s">
        <v>378</v>
      </c>
      <c r="B189" t="s">
        <v>379</v>
      </c>
      <c r="C189" s="1">
        <v>33846</v>
      </c>
      <c r="D189" t="s">
        <v>9</v>
      </c>
    </row>
    <row r="190" spans="1:4" x14ac:dyDescent="0.3">
      <c r="A190" t="s">
        <v>380</v>
      </c>
      <c r="B190" t="s">
        <v>381</v>
      </c>
      <c r="C190" s="1">
        <v>34751</v>
      </c>
      <c r="D190" t="s">
        <v>9</v>
      </c>
    </row>
    <row r="191" spans="1:4" x14ac:dyDescent="0.3">
      <c r="A191" t="s">
        <v>382</v>
      </c>
      <c r="B191" t="s">
        <v>383</v>
      </c>
      <c r="C191" s="1">
        <v>29981</v>
      </c>
      <c r="D191" t="s">
        <v>6</v>
      </c>
    </row>
    <row r="192" spans="1:4" x14ac:dyDescent="0.3">
      <c r="A192" t="s">
        <v>384</v>
      </c>
      <c r="B192" t="s">
        <v>385</v>
      </c>
      <c r="C192" s="1">
        <v>27085</v>
      </c>
      <c r="D192" t="s">
        <v>6</v>
      </c>
    </row>
    <row r="193" spans="1:4" x14ac:dyDescent="0.3">
      <c r="A193" t="s">
        <v>386</v>
      </c>
      <c r="B193" t="s">
        <v>387</v>
      </c>
      <c r="C193" s="1">
        <v>14447</v>
      </c>
      <c r="D193" t="s">
        <v>6</v>
      </c>
    </row>
    <row r="194" spans="1:4" x14ac:dyDescent="0.3">
      <c r="A194" t="s">
        <v>388</v>
      </c>
      <c r="B194" t="s">
        <v>389</v>
      </c>
      <c r="C194" s="1">
        <v>28042</v>
      </c>
      <c r="D194" t="s">
        <v>6</v>
      </c>
    </row>
    <row r="195" spans="1:4" x14ac:dyDescent="0.3">
      <c r="A195" t="s">
        <v>390</v>
      </c>
      <c r="B195" t="s">
        <v>391</v>
      </c>
      <c r="C195" s="1">
        <v>14337</v>
      </c>
      <c r="D195" t="s">
        <v>9</v>
      </c>
    </row>
    <row r="196" spans="1:4" x14ac:dyDescent="0.3">
      <c r="A196" t="s">
        <v>392</v>
      </c>
      <c r="B196" t="s">
        <v>393</v>
      </c>
      <c r="C196" s="1">
        <v>16521</v>
      </c>
      <c r="D196" t="s">
        <v>6</v>
      </c>
    </row>
    <row r="197" spans="1:4" x14ac:dyDescent="0.3">
      <c r="A197" t="s">
        <v>394</v>
      </c>
      <c r="B197" t="s">
        <v>395</v>
      </c>
      <c r="C197" s="1">
        <v>19848</v>
      </c>
      <c r="D197" t="s">
        <v>9</v>
      </c>
    </row>
    <row r="198" spans="1:4" x14ac:dyDescent="0.3">
      <c r="A198" t="s">
        <v>396</v>
      </c>
      <c r="B198" t="s">
        <v>397</v>
      </c>
      <c r="C198" s="1">
        <v>27868</v>
      </c>
      <c r="D198" t="s">
        <v>9</v>
      </c>
    </row>
    <row r="199" spans="1:4" x14ac:dyDescent="0.3">
      <c r="A199" t="s">
        <v>398</v>
      </c>
      <c r="B199" t="s">
        <v>399</v>
      </c>
      <c r="C199" s="1">
        <v>18269</v>
      </c>
      <c r="D199" t="s">
        <v>6</v>
      </c>
    </row>
    <row r="200" spans="1:4" x14ac:dyDescent="0.3">
      <c r="A200" t="s">
        <v>400</v>
      </c>
      <c r="B200" t="s">
        <v>401</v>
      </c>
      <c r="C200" s="1">
        <v>27818</v>
      </c>
      <c r="D200" t="s">
        <v>9</v>
      </c>
    </row>
    <row r="201" spans="1:4" x14ac:dyDescent="0.3">
      <c r="A201" t="s">
        <v>402</v>
      </c>
      <c r="B201" t="s">
        <v>403</v>
      </c>
      <c r="C201" s="1">
        <v>28097</v>
      </c>
      <c r="D201" t="s">
        <v>9</v>
      </c>
    </row>
    <row r="202" spans="1:4" x14ac:dyDescent="0.3">
      <c r="A202" t="s">
        <v>404</v>
      </c>
      <c r="B202" t="s">
        <v>405</v>
      </c>
      <c r="C202" s="1">
        <v>33391</v>
      </c>
      <c r="D202" t="s">
        <v>9</v>
      </c>
    </row>
    <row r="203" spans="1:4" x14ac:dyDescent="0.3">
      <c r="A203" t="s">
        <v>406</v>
      </c>
      <c r="B203" t="s">
        <v>407</v>
      </c>
      <c r="C203" s="1">
        <v>27767</v>
      </c>
      <c r="D203" t="s">
        <v>6</v>
      </c>
    </row>
    <row r="204" spans="1:4" x14ac:dyDescent="0.3">
      <c r="A204" t="s">
        <v>408</v>
      </c>
      <c r="B204" t="s">
        <v>409</v>
      </c>
      <c r="C204" s="1">
        <v>34387</v>
      </c>
      <c r="D204" t="s">
        <v>6</v>
      </c>
    </row>
    <row r="205" spans="1:4" x14ac:dyDescent="0.3">
      <c r="A205" t="s">
        <v>410</v>
      </c>
      <c r="B205" t="s">
        <v>411</v>
      </c>
      <c r="C205" s="1">
        <v>11647</v>
      </c>
      <c r="D205" t="s">
        <v>6</v>
      </c>
    </row>
    <row r="206" spans="1:4" x14ac:dyDescent="0.3">
      <c r="A206" t="s">
        <v>412</v>
      </c>
      <c r="B206" t="s">
        <v>413</v>
      </c>
      <c r="C206" s="1">
        <v>12283</v>
      </c>
      <c r="D206" t="s">
        <v>6</v>
      </c>
    </row>
    <row r="207" spans="1:4" x14ac:dyDescent="0.3">
      <c r="A207" t="s">
        <v>414</v>
      </c>
      <c r="B207" t="s">
        <v>415</v>
      </c>
      <c r="C207" s="1">
        <v>19899</v>
      </c>
      <c r="D207" t="s">
        <v>6</v>
      </c>
    </row>
    <row r="208" spans="1:4" x14ac:dyDescent="0.3">
      <c r="A208" t="s">
        <v>416</v>
      </c>
      <c r="B208" t="s">
        <v>417</v>
      </c>
      <c r="C208" s="1">
        <v>30763</v>
      </c>
      <c r="D208" t="s">
        <v>6</v>
      </c>
    </row>
    <row r="209" spans="1:4" x14ac:dyDescent="0.3">
      <c r="A209" t="s">
        <v>418</v>
      </c>
      <c r="B209" t="s">
        <v>419</v>
      </c>
      <c r="C209" s="1">
        <v>11958</v>
      </c>
      <c r="D209" t="s">
        <v>6</v>
      </c>
    </row>
    <row r="210" spans="1:4" x14ac:dyDescent="0.3">
      <c r="A210" t="s">
        <v>420</v>
      </c>
      <c r="B210" t="s">
        <v>421</v>
      </c>
      <c r="C210" s="1">
        <v>25885</v>
      </c>
      <c r="D210" t="s">
        <v>9</v>
      </c>
    </row>
    <row r="211" spans="1:4" x14ac:dyDescent="0.3">
      <c r="A211" t="s">
        <v>422</v>
      </c>
      <c r="B211" t="s">
        <v>423</v>
      </c>
      <c r="C211" s="1">
        <v>23638</v>
      </c>
      <c r="D211" t="s">
        <v>6</v>
      </c>
    </row>
    <row r="212" spans="1:4" x14ac:dyDescent="0.3">
      <c r="A212" t="s">
        <v>424</v>
      </c>
      <c r="B212" t="s">
        <v>425</v>
      </c>
      <c r="C212" s="1">
        <v>8382</v>
      </c>
      <c r="D212" t="s">
        <v>9</v>
      </c>
    </row>
    <row r="213" spans="1:4" x14ac:dyDescent="0.3">
      <c r="A213" t="s">
        <v>426</v>
      </c>
      <c r="B213" t="s">
        <v>427</v>
      </c>
      <c r="C213" s="1">
        <v>18609</v>
      </c>
      <c r="D213" t="s">
        <v>9</v>
      </c>
    </row>
    <row r="214" spans="1:4" x14ac:dyDescent="0.3">
      <c r="A214" t="s">
        <v>428</v>
      </c>
      <c r="B214" t="s">
        <v>429</v>
      </c>
      <c r="C214" s="1">
        <v>23146</v>
      </c>
      <c r="D214" t="s">
        <v>6</v>
      </c>
    </row>
    <row r="215" spans="1:4" x14ac:dyDescent="0.3">
      <c r="A215" t="s">
        <v>430</v>
      </c>
      <c r="B215" t="s">
        <v>431</v>
      </c>
      <c r="C215" s="1">
        <v>24678</v>
      </c>
      <c r="D215" t="s">
        <v>9</v>
      </c>
    </row>
    <row r="216" spans="1:4" x14ac:dyDescent="0.3">
      <c r="A216" t="s">
        <v>432</v>
      </c>
      <c r="B216" t="s">
        <v>433</v>
      </c>
      <c r="C216" s="1">
        <v>10860</v>
      </c>
      <c r="D216" t="s">
        <v>9</v>
      </c>
    </row>
    <row r="217" spans="1:4" x14ac:dyDescent="0.3">
      <c r="A217" t="s">
        <v>434</v>
      </c>
      <c r="B217" t="s">
        <v>435</v>
      </c>
      <c r="C217" s="1">
        <v>28472</v>
      </c>
      <c r="D217" t="s">
        <v>6</v>
      </c>
    </row>
    <row r="218" spans="1:4" x14ac:dyDescent="0.3">
      <c r="A218" t="s">
        <v>436</v>
      </c>
      <c r="B218" t="s">
        <v>437</v>
      </c>
      <c r="C218" s="1">
        <v>36434</v>
      </c>
      <c r="D218" t="s">
        <v>9</v>
      </c>
    </row>
    <row r="219" spans="1:4" x14ac:dyDescent="0.3">
      <c r="A219" t="s">
        <v>438</v>
      </c>
      <c r="B219" t="s">
        <v>439</v>
      </c>
      <c r="C219" s="1">
        <v>9667</v>
      </c>
      <c r="D219" t="s">
        <v>6</v>
      </c>
    </row>
    <row r="220" spans="1:4" x14ac:dyDescent="0.3">
      <c r="A220" t="s">
        <v>440</v>
      </c>
      <c r="B220" t="s">
        <v>441</v>
      </c>
      <c r="C220" s="1">
        <v>29452</v>
      </c>
      <c r="D220" t="s">
        <v>9</v>
      </c>
    </row>
    <row r="221" spans="1:4" x14ac:dyDescent="0.3">
      <c r="A221" t="s">
        <v>442</v>
      </c>
      <c r="B221" t="s">
        <v>443</v>
      </c>
      <c r="C221" s="1">
        <v>11636</v>
      </c>
      <c r="D221" t="s">
        <v>9</v>
      </c>
    </row>
    <row r="222" spans="1:4" x14ac:dyDescent="0.3">
      <c r="A222" t="s">
        <v>444</v>
      </c>
      <c r="B222" t="s">
        <v>445</v>
      </c>
      <c r="C222" s="1">
        <v>10855</v>
      </c>
      <c r="D222" t="s">
        <v>9</v>
      </c>
    </row>
    <row r="223" spans="1:4" x14ac:dyDescent="0.3">
      <c r="A223" t="s">
        <v>446</v>
      </c>
      <c r="B223" t="s">
        <v>447</v>
      </c>
      <c r="C223" s="1">
        <v>33675</v>
      </c>
      <c r="D223" t="s">
        <v>6</v>
      </c>
    </row>
    <row r="224" spans="1:4" x14ac:dyDescent="0.3">
      <c r="A224" t="s">
        <v>448</v>
      </c>
      <c r="B224" t="s">
        <v>449</v>
      </c>
      <c r="C224" s="1">
        <v>9228</v>
      </c>
      <c r="D224" t="s">
        <v>9</v>
      </c>
    </row>
    <row r="225" spans="1:4" x14ac:dyDescent="0.3">
      <c r="A225" t="s">
        <v>450</v>
      </c>
      <c r="B225" t="s">
        <v>451</v>
      </c>
      <c r="C225" s="1">
        <v>12684</v>
      </c>
      <c r="D225" t="s">
        <v>9</v>
      </c>
    </row>
    <row r="226" spans="1:4" x14ac:dyDescent="0.3">
      <c r="A226" t="s">
        <v>452</v>
      </c>
      <c r="B226" t="s">
        <v>453</v>
      </c>
      <c r="C226" s="1">
        <v>18396</v>
      </c>
      <c r="D226" t="s">
        <v>9</v>
      </c>
    </row>
    <row r="227" spans="1:4" x14ac:dyDescent="0.3">
      <c r="A227" t="s">
        <v>454</v>
      </c>
      <c r="B227" t="s">
        <v>455</v>
      </c>
      <c r="C227" s="1">
        <v>34710</v>
      </c>
      <c r="D227" t="s">
        <v>6</v>
      </c>
    </row>
    <row r="228" spans="1:4" x14ac:dyDescent="0.3">
      <c r="A228" t="s">
        <v>456</v>
      </c>
      <c r="B228" t="s">
        <v>457</v>
      </c>
      <c r="C228" s="1">
        <v>14435</v>
      </c>
      <c r="D228" t="s">
        <v>9</v>
      </c>
    </row>
    <row r="229" spans="1:4" x14ac:dyDescent="0.3">
      <c r="A229" t="s">
        <v>458</v>
      </c>
      <c r="B229" t="s">
        <v>459</v>
      </c>
      <c r="C229" s="1">
        <v>14827</v>
      </c>
      <c r="D229" t="s">
        <v>9</v>
      </c>
    </row>
    <row r="230" spans="1:4" x14ac:dyDescent="0.3">
      <c r="A230" t="s">
        <v>460</v>
      </c>
      <c r="B230" t="s">
        <v>461</v>
      </c>
      <c r="C230" s="1">
        <v>11727</v>
      </c>
      <c r="D230" t="s">
        <v>9</v>
      </c>
    </row>
    <row r="231" spans="1:4" x14ac:dyDescent="0.3">
      <c r="A231" t="s">
        <v>440</v>
      </c>
      <c r="B231" t="s">
        <v>462</v>
      </c>
      <c r="C231" s="1">
        <v>23031</v>
      </c>
      <c r="D231" t="s">
        <v>9</v>
      </c>
    </row>
    <row r="232" spans="1:4" x14ac:dyDescent="0.3">
      <c r="A232" t="s">
        <v>463</v>
      </c>
      <c r="B232" t="s">
        <v>464</v>
      </c>
      <c r="C232" s="1">
        <v>32902</v>
      </c>
      <c r="D232" t="s">
        <v>6</v>
      </c>
    </row>
    <row r="233" spans="1:4" x14ac:dyDescent="0.3">
      <c r="A233" t="s">
        <v>465</v>
      </c>
      <c r="B233" t="s">
        <v>466</v>
      </c>
      <c r="C233" s="1">
        <v>8695</v>
      </c>
      <c r="D233" t="s">
        <v>9</v>
      </c>
    </row>
    <row r="234" spans="1:4" x14ac:dyDescent="0.3">
      <c r="A234" t="s">
        <v>467</v>
      </c>
      <c r="B234" t="s">
        <v>468</v>
      </c>
      <c r="C234" s="1">
        <v>14525</v>
      </c>
      <c r="D234" t="s">
        <v>6</v>
      </c>
    </row>
    <row r="235" spans="1:4" x14ac:dyDescent="0.3">
      <c r="A235" t="s">
        <v>469</v>
      </c>
      <c r="B235" t="s">
        <v>470</v>
      </c>
      <c r="C235" s="1">
        <v>10649</v>
      </c>
      <c r="D235" t="s">
        <v>9</v>
      </c>
    </row>
    <row r="236" spans="1:4" x14ac:dyDescent="0.3">
      <c r="A236" t="s">
        <v>471</v>
      </c>
      <c r="B236" t="s">
        <v>472</v>
      </c>
      <c r="C236" s="1">
        <v>19596</v>
      </c>
      <c r="D236" t="s">
        <v>6</v>
      </c>
    </row>
    <row r="237" spans="1:4" x14ac:dyDescent="0.3">
      <c r="A237" t="s">
        <v>473</v>
      </c>
      <c r="B237" t="s">
        <v>474</v>
      </c>
      <c r="C237" s="1">
        <v>16528</v>
      </c>
      <c r="D237" t="s">
        <v>9</v>
      </c>
    </row>
    <row r="238" spans="1:4" x14ac:dyDescent="0.3">
      <c r="A238" t="s">
        <v>475</v>
      </c>
      <c r="B238" t="s">
        <v>476</v>
      </c>
      <c r="C238" s="1">
        <v>9249</v>
      </c>
      <c r="D238" t="s">
        <v>9</v>
      </c>
    </row>
    <row r="239" spans="1:4" x14ac:dyDescent="0.3">
      <c r="A239" t="s">
        <v>477</v>
      </c>
      <c r="B239" t="s">
        <v>478</v>
      </c>
      <c r="C239" s="1">
        <v>31969</v>
      </c>
      <c r="D239" t="s">
        <v>9</v>
      </c>
    </row>
    <row r="240" spans="1:4" x14ac:dyDescent="0.3">
      <c r="A240" t="s">
        <v>479</v>
      </c>
      <c r="B240" t="s">
        <v>480</v>
      </c>
      <c r="C240" s="1">
        <v>16790</v>
      </c>
      <c r="D240" t="s">
        <v>6</v>
      </c>
    </row>
    <row r="241" spans="1:4" x14ac:dyDescent="0.3">
      <c r="A241" t="s">
        <v>481</v>
      </c>
      <c r="B241" t="s">
        <v>482</v>
      </c>
      <c r="C241" s="1">
        <v>16466</v>
      </c>
      <c r="D241" t="s">
        <v>9</v>
      </c>
    </row>
    <row r="242" spans="1:4" x14ac:dyDescent="0.3">
      <c r="A242" t="s">
        <v>483</v>
      </c>
      <c r="B242" t="s">
        <v>484</v>
      </c>
      <c r="C242" s="1">
        <v>36167</v>
      </c>
      <c r="D242" t="s">
        <v>6</v>
      </c>
    </row>
    <row r="243" spans="1:4" x14ac:dyDescent="0.3">
      <c r="A243" t="s">
        <v>485</v>
      </c>
      <c r="B243" t="s">
        <v>486</v>
      </c>
      <c r="C243" s="1">
        <v>22444</v>
      </c>
      <c r="D243" t="s">
        <v>9</v>
      </c>
    </row>
    <row r="244" spans="1:4" x14ac:dyDescent="0.3">
      <c r="A244" t="s">
        <v>487</v>
      </c>
      <c r="B244" t="s">
        <v>488</v>
      </c>
      <c r="C244" s="1">
        <v>15897</v>
      </c>
      <c r="D244" t="s">
        <v>9</v>
      </c>
    </row>
    <row r="245" spans="1:4" x14ac:dyDescent="0.3">
      <c r="A245" t="s">
        <v>489</v>
      </c>
      <c r="B245" t="s">
        <v>490</v>
      </c>
      <c r="C245" s="1">
        <v>23635</v>
      </c>
      <c r="D245" t="s">
        <v>9</v>
      </c>
    </row>
    <row r="246" spans="1:4" x14ac:dyDescent="0.3">
      <c r="A246" t="s">
        <v>491</v>
      </c>
      <c r="B246" t="s">
        <v>492</v>
      </c>
      <c r="C246" s="1">
        <v>12501</v>
      </c>
      <c r="D246" t="s">
        <v>6</v>
      </c>
    </row>
    <row r="247" spans="1:4" x14ac:dyDescent="0.3">
      <c r="A247" t="s">
        <v>493</v>
      </c>
      <c r="B247" t="s">
        <v>494</v>
      </c>
      <c r="C247" s="1">
        <v>27015</v>
      </c>
      <c r="D247" t="s">
        <v>6</v>
      </c>
    </row>
    <row r="248" spans="1:4" x14ac:dyDescent="0.3">
      <c r="A248" t="s">
        <v>495</v>
      </c>
      <c r="B248" t="s">
        <v>496</v>
      </c>
      <c r="C248" s="1">
        <v>9903</v>
      </c>
      <c r="D248" t="s">
        <v>6</v>
      </c>
    </row>
    <row r="249" spans="1:4" x14ac:dyDescent="0.3">
      <c r="A249" t="s">
        <v>497</v>
      </c>
      <c r="B249" t="s">
        <v>498</v>
      </c>
      <c r="C249" s="1">
        <v>27524</v>
      </c>
      <c r="D249" t="s">
        <v>9</v>
      </c>
    </row>
    <row r="250" spans="1:4" x14ac:dyDescent="0.3">
      <c r="A250" t="s">
        <v>499</v>
      </c>
      <c r="B250" t="s">
        <v>500</v>
      </c>
      <c r="C250" s="1">
        <v>22651</v>
      </c>
      <c r="D250" t="s">
        <v>9</v>
      </c>
    </row>
    <row r="251" spans="1:4" x14ac:dyDescent="0.3">
      <c r="A251" t="s">
        <v>501</v>
      </c>
      <c r="B251" t="s">
        <v>502</v>
      </c>
      <c r="C251" s="1">
        <v>12972</v>
      </c>
      <c r="D251" t="s">
        <v>6</v>
      </c>
    </row>
    <row r="252" spans="1:4" x14ac:dyDescent="0.3">
      <c r="A252" t="s">
        <v>503</v>
      </c>
      <c r="B252" t="s">
        <v>504</v>
      </c>
      <c r="C252" s="1">
        <v>17855</v>
      </c>
      <c r="D252" t="s">
        <v>9</v>
      </c>
    </row>
    <row r="253" spans="1:4" x14ac:dyDescent="0.3">
      <c r="A253" t="s">
        <v>505</v>
      </c>
      <c r="B253" t="s">
        <v>506</v>
      </c>
      <c r="C253" s="1">
        <v>34626</v>
      </c>
      <c r="D253" t="s">
        <v>6</v>
      </c>
    </row>
    <row r="254" spans="1:4" x14ac:dyDescent="0.3">
      <c r="A254" t="s">
        <v>507</v>
      </c>
      <c r="B254" t="s">
        <v>508</v>
      </c>
      <c r="C254" s="1">
        <v>34549</v>
      </c>
      <c r="D254" t="s">
        <v>9</v>
      </c>
    </row>
    <row r="255" spans="1:4" x14ac:dyDescent="0.3">
      <c r="A255" t="s">
        <v>509</v>
      </c>
      <c r="B255" t="s">
        <v>510</v>
      </c>
      <c r="C255" s="1">
        <v>18545</v>
      </c>
      <c r="D255" t="s">
        <v>6</v>
      </c>
    </row>
    <row r="256" spans="1:4" x14ac:dyDescent="0.3">
      <c r="A256" t="s">
        <v>511</v>
      </c>
      <c r="B256" t="s">
        <v>512</v>
      </c>
      <c r="C256" s="1">
        <v>8644</v>
      </c>
      <c r="D256" t="s">
        <v>6</v>
      </c>
    </row>
    <row r="257" spans="1:4" x14ac:dyDescent="0.3">
      <c r="A257" t="s">
        <v>513</v>
      </c>
      <c r="B257" t="s">
        <v>514</v>
      </c>
      <c r="C257" s="1">
        <v>30894</v>
      </c>
      <c r="D257" t="s">
        <v>9</v>
      </c>
    </row>
    <row r="258" spans="1:4" x14ac:dyDescent="0.3">
      <c r="A258" t="s">
        <v>515</v>
      </c>
      <c r="B258" t="s">
        <v>516</v>
      </c>
      <c r="C258" s="1">
        <v>29815</v>
      </c>
      <c r="D258" t="s">
        <v>6</v>
      </c>
    </row>
    <row r="259" spans="1:4" x14ac:dyDescent="0.3">
      <c r="A259" t="s">
        <v>517</v>
      </c>
      <c r="B259" t="s">
        <v>518</v>
      </c>
      <c r="C259" s="1">
        <v>14402</v>
      </c>
      <c r="D259" t="s">
        <v>9</v>
      </c>
    </row>
    <row r="260" spans="1:4" x14ac:dyDescent="0.3">
      <c r="A260" t="s">
        <v>519</v>
      </c>
      <c r="B260" t="s">
        <v>520</v>
      </c>
      <c r="C260" s="1">
        <v>25690</v>
      </c>
      <c r="D260" t="s">
        <v>9</v>
      </c>
    </row>
    <row r="261" spans="1:4" x14ac:dyDescent="0.3">
      <c r="A261" t="s">
        <v>521</v>
      </c>
      <c r="B261" t="s">
        <v>522</v>
      </c>
      <c r="C261" s="1">
        <v>31189</v>
      </c>
      <c r="D261" t="s">
        <v>9</v>
      </c>
    </row>
    <row r="262" spans="1:4" x14ac:dyDescent="0.3">
      <c r="A262" t="s">
        <v>523</v>
      </c>
      <c r="B262" t="s">
        <v>524</v>
      </c>
      <c r="C262" s="1">
        <v>14303</v>
      </c>
      <c r="D262" t="s">
        <v>9</v>
      </c>
    </row>
    <row r="263" spans="1:4" x14ac:dyDescent="0.3">
      <c r="A263" t="s">
        <v>525</v>
      </c>
      <c r="B263" t="s">
        <v>526</v>
      </c>
      <c r="C263" s="1">
        <v>32845</v>
      </c>
      <c r="D263" t="s">
        <v>6</v>
      </c>
    </row>
    <row r="264" spans="1:4" x14ac:dyDescent="0.3">
      <c r="A264" t="s">
        <v>527</v>
      </c>
      <c r="B264" t="s">
        <v>528</v>
      </c>
      <c r="C264" s="1">
        <v>8445</v>
      </c>
      <c r="D264" t="s">
        <v>6</v>
      </c>
    </row>
    <row r="265" spans="1:4" x14ac:dyDescent="0.3">
      <c r="A265" t="s">
        <v>529</v>
      </c>
      <c r="B265" t="s">
        <v>530</v>
      </c>
      <c r="C265" s="1">
        <v>12126</v>
      </c>
      <c r="D265" t="s">
        <v>6</v>
      </c>
    </row>
    <row r="266" spans="1:4" x14ac:dyDescent="0.3">
      <c r="A266" t="s">
        <v>531</v>
      </c>
      <c r="B266" t="s">
        <v>532</v>
      </c>
      <c r="C266" s="1">
        <v>20379</v>
      </c>
      <c r="D266" t="s">
        <v>9</v>
      </c>
    </row>
    <row r="267" spans="1:4" x14ac:dyDescent="0.3">
      <c r="A267" t="s">
        <v>533</v>
      </c>
      <c r="B267" t="s">
        <v>534</v>
      </c>
      <c r="C267" s="1">
        <v>26557</v>
      </c>
      <c r="D267" t="s">
        <v>9</v>
      </c>
    </row>
    <row r="268" spans="1:4" x14ac:dyDescent="0.3">
      <c r="A268" t="s">
        <v>535</v>
      </c>
      <c r="B268" t="s">
        <v>536</v>
      </c>
      <c r="C268" s="1">
        <v>26164</v>
      </c>
      <c r="D268" t="s">
        <v>6</v>
      </c>
    </row>
    <row r="269" spans="1:4" x14ac:dyDescent="0.3">
      <c r="A269" t="s">
        <v>537</v>
      </c>
      <c r="B269" t="s">
        <v>538</v>
      </c>
      <c r="C269" s="1">
        <v>27305</v>
      </c>
      <c r="D269" t="s">
        <v>6</v>
      </c>
    </row>
    <row r="270" spans="1:4" x14ac:dyDescent="0.3">
      <c r="A270" t="s">
        <v>539</v>
      </c>
      <c r="B270" t="s">
        <v>540</v>
      </c>
      <c r="C270" s="1">
        <v>14207</v>
      </c>
      <c r="D270" t="s">
        <v>6</v>
      </c>
    </row>
    <row r="271" spans="1:4" x14ac:dyDescent="0.3">
      <c r="A271" t="s">
        <v>541</v>
      </c>
      <c r="B271" t="s">
        <v>542</v>
      </c>
      <c r="C271" s="1">
        <v>24173</v>
      </c>
      <c r="D271" t="s">
        <v>9</v>
      </c>
    </row>
    <row r="272" spans="1:4" x14ac:dyDescent="0.3">
      <c r="A272" t="s">
        <v>543</v>
      </c>
      <c r="B272" t="s">
        <v>544</v>
      </c>
      <c r="C272" s="1">
        <v>33516</v>
      </c>
      <c r="D272" t="s">
        <v>6</v>
      </c>
    </row>
    <row r="273" spans="1:4" x14ac:dyDescent="0.3">
      <c r="A273" t="s">
        <v>545</v>
      </c>
      <c r="B273" t="s">
        <v>546</v>
      </c>
      <c r="C273" s="1">
        <v>10886</v>
      </c>
      <c r="D273" t="s">
        <v>6</v>
      </c>
    </row>
    <row r="274" spans="1:4" x14ac:dyDescent="0.3">
      <c r="A274" t="s">
        <v>347</v>
      </c>
      <c r="B274" t="s">
        <v>547</v>
      </c>
      <c r="C274" s="1">
        <v>32175</v>
      </c>
      <c r="D274" t="s">
        <v>9</v>
      </c>
    </row>
    <row r="275" spans="1:4" x14ac:dyDescent="0.3">
      <c r="A275" t="s">
        <v>548</v>
      </c>
      <c r="B275" t="s">
        <v>549</v>
      </c>
      <c r="C275" s="1">
        <v>26154</v>
      </c>
      <c r="D275" t="s">
        <v>9</v>
      </c>
    </row>
    <row r="276" spans="1:4" x14ac:dyDescent="0.3">
      <c r="A276" t="s">
        <v>550</v>
      </c>
      <c r="B276" t="s">
        <v>551</v>
      </c>
      <c r="C276" s="1">
        <v>9864</v>
      </c>
      <c r="D276" t="s">
        <v>9</v>
      </c>
    </row>
    <row r="277" spans="1:4" x14ac:dyDescent="0.3">
      <c r="A277" t="s">
        <v>552</v>
      </c>
      <c r="B277" t="s">
        <v>553</v>
      </c>
      <c r="C277" s="1">
        <v>20439</v>
      </c>
      <c r="D277" t="s">
        <v>6</v>
      </c>
    </row>
    <row r="278" spans="1:4" x14ac:dyDescent="0.3">
      <c r="A278" t="s">
        <v>554</v>
      </c>
      <c r="B278" t="s">
        <v>555</v>
      </c>
      <c r="C278" s="1">
        <v>32844</v>
      </c>
      <c r="D278" t="s">
        <v>9</v>
      </c>
    </row>
    <row r="279" spans="1:4" x14ac:dyDescent="0.3">
      <c r="A279" t="s">
        <v>556</v>
      </c>
      <c r="B279" t="s">
        <v>557</v>
      </c>
      <c r="C279" s="1">
        <v>31408</v>
      </c>
      <c r="D279" t="s">
        <v>6</v>
      </c>
    </row>
    <row r="280" spans="1:4" x14ac:dyDescent="0.3">
      <c r="A280" t="s">
        <v>558</v>
      </c>
      <c r="B280" t="s">
        <v>559</v>
      </c>
      <c r="C280" s="1">
        <v>32514</v>
      </c>
      <c r="D280" t="s">
        <v>9</v>
      </c>
    </row>
    <row r="281" spans="1:4" x14ac:dyDescent="0.3">
      <c r="A281" t="s">
        <v>560</v>
      </c>
      <c r="B281" t="s">
        <v>561</v>
      </c>
      <c r="C281" s="1">
        <v>9058</v>
      </c>
      <c r="D281" t="s">
        <v>9</v>
      </c>
    </row>
    <row r="282" spans="1:4" x14ac:dyDescent="0.3">
      <c r="A282" t="s">
        <v>562</v>
      </c>
      <c r="B282" t="s">
        <v>563</v>
      </c>
      <c r="C282" s="1">
        <v>16984</v>
      </c>
      <c r="D282" t="s">
        <v>6</v>
      </c>
    </row>
    <row r="283" spans="1:4" x14ac:dyDescent="0.3">
      <c r="A283" t="s">
        <v>564</v>
      </c>
      <c r="B283" t="s">
        <v>565</v>
      </c>
      <c r="C283" s="1">
        <v>9622</v>
      </c>
      <c r="D283" t="s">
        <v>9</v>
      </c>
    </row>
    <row r="284" spans="1:4" x14ac:dyDescent="0.3">
      <c r="A284" t="s">
        <v>566</v>
      </c>
      <c r="B284" t="s">
        <v>567</v>
      </c>
      <c r="C284" s="1">
        <v>23580</v>
      </c>
      <c r="D284" t="s">
        <v>6</v>
      </c>
    </row>
    <row r="285" spans="1:4" x14ac:dyDescent="0.3">
      <c r="A285" t="s">
        <v>568</v>
      </c>
      <c r="B285" t="s">
        <v>569</v>
      </c>
      <c r="C285" s="1">
        <v>17749</v>
      </c>
      <c r="D285" t="s">
        <v>6</v>
      </c>
    </row>
    <row r="286" spans="1:4" x14ac:dyDescent="0.3">
      <c r="A286" t="s">
        <v>570</v>
      </c>
      <c r="B286" t="s">
        <v>571</v>
      </c>
      <c r="C286" s="1">
        <v>22799</v>
      </c>
      <c r="D286" t="s">
        <v>6</v>
      </c>
    </row>
    <row r="287" spans="1:4" x14ac:dyDescent="0.3">
      <c r="A287" t="s">
        <v>110</v>
      </c>
      <c r="B287" t="s">
        <v>572</v>
      </c>
      <c r="C287" s="1">
        <v>25525</v>
      </c>
      <c r="D287" t="s">
        <v>6</v>
      </c>
    </row>
    <row r="288" spans="1:4" x14ac:dyDescent="0.3">
      <c r="A288" t="s">
        <v>573</v>
      </c>
      <c r="B288" t="s">
        <v>574</v>
      </c>
      <c r="C288" s="1">
        <v>34818</v>
      </c>
      <c r="D288" t="s">
        <v>9</v>
      </c>
    </row>
    <row r="289" spans="1:4" x14ac:dyDescent="0.3">
      <c r="A289" t="s">
        <v>575</v>
      </c>
      <c r="B289" t="s">
        <v>576</v>
      </c>
      <c r="C289" s="1">
        <v>8617</v>
      </c>
      <c r="D289" t="s">
        <v>6</v>
      </c>
    </row>
    <row r="290" spans="1:4" x14ac:dyDescent="0.3">
      <c r="A290" t="s">
        <v>577</v>
      </c>
      <c r="B290" t="s">
        <v>578</v>
      </c>
      <c r="C290" s="1">
        <v>25065</v>
      </c>
      <c r="D290" t="s">
        <v>6</v>
      </c>
    </row>
    <row r="291" spans="1:4" x14ac:dyDescent="0.3">
      <c r="A291" t="s">
        <v>579</v>
      </c>
      <c r="B291" t="s">
        <v>580</v>
      </c>
      <c r="C291" s="1">
        <v>27673</v>
      </c>
      <c r="D291" t="s">
        <v>6</v>
      </c>
    </row>
    <row r="292" spans="1:4" x14ac:dyDescent="0.3">
      <c r="A292" t="s">
        <v>581</v>
      </c>
      <c r="B292" t="s">
        <v>582</v>
      </c>
      <c r="C292" s="1">
        <v>31925</v>
      </c>
      <c r="D292" t="s">
        <v>6</v>
      </c>
    </row>
    <row r="293" spans="1:4" x14ac:dyDescent="0.3">
      <c r="A293" t="s">
        <v>583</v>
      </c>
      <c r="B293" t="s">
        <v>520</v>
      </c>
      <c r="C293" s="1">
        <v>31397</v>
      </c>
      <c r="D293" t="s">
        <v>6</v>
      </c>
    </row>
    <row r="294" spans="1:4" x14ac:dyDescent="0.3">
      <c r="A294" t="s">
        <v>584</v>
      </c>
      <c r="B294" t="s">
        <v>585</v>
      </c>
      <c r="C294" s="1">
        <v>32355</v>
      </c>
      <c r="D294" t="s">
        <v>6</v>
      </c>
    </row>
    <row r="295" spans="1:4" x14ac:dyDescent="0.3">
      <c r="A295" t="s">
        <v>586</v>
      </c>
      <c r="B295" t="s">
        <v>587</v>
      </c>
      <c r="C295" s="1">
        <v>17573</v>
      </c>
      <c r="D295" t="s">
        <v>6</v>
      </c>
    </row>
    <row r="296" spans="1:4" x14ac:dyDescent="0.3">
      <c r="A296" t="s">
        <v>588</v>
      </c>
      <c r="B296" t="s">
        <v>589</v>
      </c>
      <c r="C296" s="1">
        <v>16394</v>
      </c>
      <c r="D296" t="s">
        <v>6</v>
      </c>
    </row>
    <row r="297" spans="1:4" x14ac:dyDescent="0.3">
      <c r="A297" t="s">
        <v>590</v>
      </c>
      <c r="B297" t="s">
        <v>591</v>
      </c>
      <c r="C297" s="1">
        <v>8325</v>
      </c>
      <c r="D297" t="s">
        <v>6</v>
      </c>
    </row>
    <row r="298" spans="1:4" x14ac:dyDescent="0.3">
      <c r="A298" t="s">
        <v>592</v>
      </c>
      <c r="B298" t="s">
        <v>593</v>
      </c>
      <c r="C298" s="1">
        <v>21139</v>
      </c>
      <c r="D298" t="s">
        <v>6</v>
      </c>
    </row>
    <row r="299" spans="1:4" x14ac:dyDescent="0.3">
      <c r="A299" t="s">
        <v>594</v>
      </c>
      <c r="B299" t="s">
        <v>595</v>
      </c>
      <c r="C299" s="1">
        <v>19181</v>
      </c>
      <c r="D299" t="s">
        <v>6</v>
      </c>
    </row>
    <row r="300" spans="1:4" x14ac:dyDescent="0.3">
      <c r="A300" t="s">
        <v>596</v>
      </c>
      <c r="B300" t="s">
        <v>597</v>
      </c>
      <c r="C300" s="1">
        <v>18318</v>
      </c>
      <c r="D300" t="s">
        <v>9</v>
      </c>
    </row>
    <row r="301" spans="1:4" x14ac:dyDescent="0.3">
      <c r="A301" t="s">
        <v>598</v>
      </c>
      <c r="B301" t="s">
        <v>599</v>
      </c>
      <c r="C301" s="1">
        <v>27974</v>
      </c>
      <c r="D301" t="s">
        <v>6</v>
      </c>
    </row>
    <row r="302" spans="1:4" x14ac:dyDescent="0.3">
      <c r="A302" t="s">
        <v>600</v>
      </c>
      <c r="B302" t="s">
        <v>601</v>
      </c>
      <c r="C302" s="1">
        <v>29845</v>
      </c>
      <c r="D302" t="s">
        <v>6</v>
      </c>
    </row>
    <row r="303" spans="1:4" x14ac:dyDescent="0.3">
      <c r="A303" t="s">
        <v>602</v>
      </c>
      <c r="B303" t="s">
        <v>603</v>
      </c>
      <c r="C303" s="1">
        <v>21141</v>
      </c>
      <c r="D303" t="s">
        <v>6</v>
      </c>
    </row>
    <row r="304" spans="1:4" x14ac:dyDescent="0.3">
      <c r="A304" t="s">
        <v>604</v>
      </c>
      <c r="B304" t="s">
        <v>605</v>
      </c>
      <c r="C304" s="1">
        <v>25931</v>
      </c>
      <c r="D304" t="s">
        <v>9</v>
      </c>
    </row>
    <row r="305" spans="1:4" x14ac:dyDescent="0.3">
      <c r="A305" t="s">
        <v>606</v>
      </c>
      <c r="B305" t="s">
        <v>607</v>
      </c>
      <c r="C305" s="1">
        <v>23235</v>
      </c>
      <c r="D305" t="s">
        <v>6</v>
      </c>
    </row>
    <row r="306" spans="1:4" x14ac:dyDescent="0.3">
      <c r="A306" t="s">
        <v>608</v>
      </c>
      <c r="B306" t="s">
        <v>609</v>
      </c>
      <c r="C306" s="1">
        <v>23166</v>
      </c>
      <c r="D306" t="s">
        <v>6</v>
      </c>
    </row>
    <row r="307" spans="1:4" x14ac:dyDescent="0.3">
      <c r="A307" t="s">
        <v>610</v>
      </c>
      <c r="B307" t="s">
        <v>611</v>
      </c>
      <c r="C307" s="1">
        <v>34912</v>
      </c>
      <c r="D307" t="s">
        <v>9</v>
      </c>
    </row>
    <row r="308" spans="1:4" x14ac:dyDescent="0.3">
      <c r="A308" t="s">
        <v>612</v>
      </c>
      <c r="B308" t="s">
        <v>613</v>
      </c>
      <c r="C308" s="1">
        <v>20299</v>
      </c>
      <c r="D308" t="s">
        <v>9</v>
      </c>
    </row>
    <row r="309" spans="1:4" x14ac:dyDescent="0.3">
      <c r="A309" t="s">
        <v>614</v>
      </c>
      <c r="B309" t="s">
        <v>615</v>
      </c>
      <c r="C309" s="1">
        <v>36524</v>
      </c>
      <c r="D309" t="s">
        <v>6</v>
      </c>
    </row>
    <row r="310" spans="1:4" x14ac:dyDescent="0.3">
      <c r="A310" t="s">
        <v>616</v>
      </c>
      <c r="B310" t="s">
        <v>617</v>
      </c>
      <c r="C310" s="1">
        <v>29582</v>
      </c>
      <c r="D310" t="s">
        <v>6</v>
      </c>
    </row>
    <row r="311" spans="1:4" x14ac:dyDescent="0.3">
      <c r="A311" t="s">
        <v>618</v>
      </c>
      <c r="B311" t="s">
        <v>619</v>
      </c>
      <c r="C311" s="1">
        <v>8096</v>
      </c>
      <c r="D311" t="s">
        <v>6</v>
      </c>
    </row>
    <row r="312" spans="1:4" x14ac:dyDescent="0.3">
      <c r="A312" t="s">
        <v>620</v>
      </c>
      <c r="B312" t="s">
        <v>621</v>
      </c>
      <c r="C312" s="1">
        <v>17437</v>
      </c>
      <c r="D312" t="s">
        <v>6</v>
      </c>
    </row>
    <row r="313" spans="1:4" x14ac:dyDescent="0.3">
      <c r="A313" t="s">
        <v>622</v>
      </c>
      <c r="B313" t="s">
        <v>623</v>
      </c>
      <c r="C313" s="1">
        <v>25595</v>
      </c>
      <c r="D313" t="s">
        <v>9</v>
      </c>
    </row>
    <row r="314" spans="1:4" x14ac:dyDescent="0.3">
      <c r="A314" t="s">
        <v>624</v>
      </c>
      <c r="B314" t="s">
        <v>625</v>
      </c>
      <c r="C314" s="1">
        <v>21336</v>
      </c>
      <c r="D314" t="s">
        <v>6</v>
      </c>
    </row>
    <row r="315" spans="1:4" x14ac:dyDescent="0.3">
      <c r="A315" t="s">
        <v>626</v>
      </c>
      <c r="B315" t="s">
        <v>627</v>
      </c>
      <c r="C315" s="1">
        <v>30708</v>
      </c>
      <c r="D315" t="s">
        <v>9</v>
      </c>
    </row>
    <row r="316" spans="1:4" x14ac:dyDescent="0.3">
      <c r="A316" t="s">
        <v>628</v>
      </c>
      <c r="B316" t="s">
        <v>629</v>
      </c>
      <c r="C316" s="1">
        <v>24732</v>
      </c>
      <c r="D316" t="s">
        <v>9</v>
      </c>
    </row>
    <row r="317" spans="1:4" x14ac:dyDescent="0.3">
      <c r="A317" t="s">
        <v>630</v>
      </c>
      <c r="B317" t="s">
        <v>631</v>
      </c>
      <c r="C317" s="1">
        <v>24556</v>
      </c>
      <c r="D317" t="s">
        <v>9</v>
      </c>
    </row>
    <row r="318" spans="1:4" x14ac:dyDescent="0.3">
      <c r="A318" t="s">
        <v>632</v>
      </c>
      <c r="B318" t="s">
        <v>633</v>
      </c>
      <c r="C318" s="1">
        <v>15393</v>
      </c>
      <c r="D318" t="s">
        <v>6</v>
      </c>
    </row>
    <row r="319" spans="1:4" x14ac:dyDescent="0.3">
      <c r="A319" t="s">
        <v>634</v>
      </c>
      <c r="B319" t="s">
        <v>635</v>
      </c>
      <c r="C319" s="1">
        <v>28273</v>
      </c>
      <c r="D319" t="s">
        <v>6</v>
      </c>
    </row>
    <row r="320" spans="1:4" x14ac:dyDescent="0.3">
      <c r="A320" t="s">
        <v>632</v>
      </c>
      <c r="B320" t="s">
        <v>636</v>
      </c>
      <c r="C320" s="1">
        <v>23946</v>
      </c>
      <c r="D320" t="s">
        <v>6</v>
      </c>
    </row>
    <row r="321" spans="1:4" x14ac:dyDescent="0.3">
      <c r="A321" t="s">
        <v>637</v>
      </c>
      <c r="B321" t="s">
        <v>638</v>
      </c>
      <c r="C321" s="1">
        <v>22104</v>
      </c>
      <c r="D321" t="s">
        <v>6</v>
      </c>
    </row>
    <row r="322" spans="1:4" x14ac:dyDescent="0.3">
      <c r="A322" t="s">
        <v>639</v>
      </c>
      <c r="B322" t="s">
        <v>640</v>
      </c>
      <c r="C322" s="1">
        <v>21347</v>
      </c>
      <c r="D322" t="s">
        <v>9</v>
      </c>
    </row>
    <row r="323" spans="1:4" x14ac:dyDescent="0.3">
      <c r="A323" t="s">
        <v>641</v>
      </c>
      <c r="B323" t="s">
        <v>642</v>
      </c>
      <c r="C323" s="1">
        <v>34789</v>
      </c>
      <c r="D323" t="s">
        <v>9</v>
      </c>
    </row>
    <row r="324" spans="1:4" x14ac:dyDescent="0.3">
      <c r="A324" t="s">
        <v>643</v>
      </c>
      <c r="B324" t="s">
        <v>644</v>
      </c>
      <c r="C324" s="1">
        <v>15469</v>
      </c>
      <c r="D324" t="s">
        <v>9</v>
      </c>
    </row>
    <row r="325" spans="1:4" x14ac:dyDescent="0.3">
      <c r="A325" t="s">
        <v>645</v>
      </c>
      <c r="B325" t="s">
        <v>646</v>
      </c>
      <c r="C325" s="1">
        <v>23221</v>
      </c>
      <c r="D325" t="s">
        <v>6</v>
      </c>
    </row>
    <row r="326" spans="1:4" x14ac:dyDescent="0.3">
      <c r="A326" t="s">
        <v>647</v>
      </c>
      <c r="B326" t="s">
        <v>648</v>
      </c>
      <c r="C326" s="1">
        <v>22675</v>
      </c>
      <c r="D326" t="s">
        <v>9</v>
      </c>
    </row>
    <row r="327" spans="1:4" x14ac:dyDescent="0.3">
      <c r="A327" t="s">
        <v>649</v>
      </c>
      <c r="B327" t="s">
        <v>650</v>
      </c>
      <c r="C327" s="1">
        <v>21025</v>
      </c>
      <c r="D327" t="s">
        <v>9</v>
      </c>
    </row>
    <row r="328" spans="1:4" x14ac:dyDescent="0.3">
      <c r="A328" t="s">
        <v>651</v>
      </c>
      <c r="B328" t="s">
        <v>652</v>
      </c>
      <c r="C328" s="1">
        <v>34560</v>
      </c>
      <c r="D328" t="s">
        <v>9</v>
      </c>
    </row>
    <row r="329" spans="1:4" x14ac:dyDescent="0.3">
      <c r="A329" t="s">
        <v>653</v>
      </c>
      <c r="B329" t="s">
        <v>654</v>
      </c>
      <c r="C329" s="1">
        <v>31092</v>
      </c>
      <c r="D329" t="s">
        <v>6</v>
      </c>
    </row>
    <row r="330" spans="1:4" x14ac:dyDescent="0.3">
      <c r="A330" t="s">
        <v>655</v>
      </c>
      <c r="B330" t="s">
        <v>656</v>
      </c>
      <c r="C330" s="1">
        <v>23881</v>
      </c>
      <c r="D330" t="s">
        <v>6</v>
      </c>
    </row>
    <row r="331" spans="1:4" x14ac:dyDescent="0.3">
      <c r="A331" t="s">
        <v>657</v>
      </c>
      <c r="B331" t="s">
        <v>658</v>
      </c>
      <c r="C331" s="1">
        <v>33909</v>
      </c>
      <c r="D331" t="s">
        <v>9</v>
      </c>
    </row>
    <row r="332" spans="1:4" x14ac:dyDescent="0.3">
      <c r="A332" t="s">
        <v>659</v>
      </c>
      <c r="B332" t="s">
        <v>660</v>
      </c>
      <c r="C332" s="1">
        <v>10782</v>
      </c>
      <c r="D332" t="s">
        <v>6</v>
      </c>
    </row>
    <row r="333" spans="1:4" x14ac:dyDescent="0.3">
      <c r="A333" t="s">
        <v>661</v>
      </c>
      <c r="B333" t="s">
        <v>662</v>
      </c>
      <c r="C333" s="1">
        <v>18209</v>
      </c>
      <c r="D333" t="s">
        <v>6</v>
      </c>
    </row>
    <row r="334" spans="1:4" x14ac:dyDescent="0.3">
      <c r="A334" t="s">
        <v>663</v>
      </c>
      <c r="B334" t="s">
        <v>664</v>
      </c>
      <c r="C334" s="1">
        <v>15322</v>
      </c>
      <c r="D334" t="s">
        <v>9</v>
      </c>
    </row>
    <row r="335" spans="1:4" x14ac:dyDescent="0.3">
      <c r="A335" t="s">
        <v>665</v>
      </c>
      <c r="B335" t="s">
        <v>666</v>
      </c>
      <c r="C335" s="1">
        <v>10756</v>
      </c>
      <c r="D335" t="s">
        <v>9</v>
      </c>
    </row>
    <row r="336" spans="1:4" x14ac:dyDescent="0.3">
      <c r="A336" t="s">
        <v>667</v>
      </c>
      <c r="B336" t="s">
        <v>668</v>
      </c>
      <c r="C336" s="1">
        <v>36439</v>
      </c>
      <c r="D336" t="s">
        <v>9</v>
      </c>
    </row>
    <row r="337" spans="1:4" x14ac:dyDescent="0.3">
      <c r="A337" t="s">
        <v>669</v>
      </c>
      <c r="B337" t="s">
        <v>670</v>
      </c>
      <c r="C337" s="1">
        <v>27933</v>
      </c>
      <c r="D337" t="s">
        <v>9</v>
      </c>
    </row>
    <row r="338" spans="1:4" x14ac:dyDescent="0.3">
      <c r="A338" t="s">
        <v>671</v>
      </c>
      <c r="B338" t="s">
        <v>672</v>
      </c>
      <c r="C338" s="1">
        <v>18507</v>
      </c>
      <c r="D338" t="s">
        <v>9</v>
      </c>
    </row>
    <row r="339" spans="1:4" x14ac:dyDescent="0.3">
      <c r="A339" t="s">
        <v>673</v>
      </c>
      <c r="B339" t="s">
        <v>674</v>
      </c>
      <c r="C339" s="1">
        <v>33587</v>
      </c>
      <c r="D339" t="s">
        <v>6</v>
      </c>
    </row>
    <row r="340" spans="1:4" x14ac:dyDescent="0.3">
      <c r="A340" t="s">
        <v>675</v>
      </c>
      <c r="B340" t="s">
        <v>676</v>
      </c>
      <c r="C340" s="1">
        <v>26235</v>
      </c>
      <c r="D340" t="s">
        <v>9</v>
      </c>
    </row>
    <row r="341" spans="1:4" x14ac:dyDescent="0.3">
      <c r="A341" t="s">
        <v>677</v>
      </c>
      <c r="B341" t="s">
        <v>678</v>
      </c>
      <c r="C341" s="1">
        <v>9340</v>
      </c>
      <c r="D341" t="s">
        <v>9</v>
      </c>
    </row>
    <row r="342" spans="1:4" x14ac:dyDescent="0.3">
      <c r="A342" t="s">
        <v>679</v>
      </c>
      <c r="B342" t="s">
        <v>680</v>
      </c>
      <c r="C342" s="1">
        <v>24206</v>
      </c>
      <c r="D342" t="s">
        <v>9</v>
      </c>
    </row>
    <row r="343" spans="1:4" x14ac:dyDescent="0.3">
      <c r="A343" t="s">
        <v>681</v>
      </c>
      <c r="B343" t="s">
        <v>682</v>
      </c>
      <c r="C343" s="1">
        <v>30592</v>
      </c>
      <c r="D343" t="s">
        <v>9</v>
      </c>
    </row>
    <row r="344" spans="1:4" x14ac:dyDescent="0.3">
      <c r="A344" t="s">
        <v>683</v>
      </c>
      <c r="B344" t="s">
        <v>684</v>
      </c>
      <c r="C344" s="1">
        <v>13915</v>
      </c>
      <c r="D344" t="s">
        <v>9</v>
      </c>
    </row>
    <row r="345" spans="1:4" x14ac:dyDescent="0.3">
      <c r="A345" t="s">
        <v>685</v>
      </c>
      <c r="B345" t="s">
        <v>686</v>
      </c>
      <c r="C345" s="1">
        <v>27801</v>
      </c>
      <c r="D345" t="s">
        <v>9</v>
      </c>
    </row>
    <row r="346" spans="1:4" x14ac:dyDescent="0.3">
      <c r="A346" t="s">
        <v>687</v>
      </c>
      <c r="B346" t="s">
        <v>688</v>
      </c>
      <c r="C346" s="1">
        <v>36508</v>
      </c>
      <c r="D346" t="s">
        <v>9</v>
      </c>
    </row>
    <row r="347" spans="1:4" x14ac:dyDescent="0.3">
      <c r="A347" t="s">
        <v>689</v>
      </c>
      <c r="B347" t="s">
        <v>690</v>
      </c>
      <c r="C347" s="1">
        <v>13333</v>
      </c>
      <c r="D347" t="s">
        <v>6</v>
      </c>
    </row>
    <row r="348" spans="1:4" x14ac:dyDescent="0.3">
      <c r="A348" t="s">
        <v>691</v>
      </c>
      <c r="B348" t="s">
        <v>692</v>
      </c>
      <c r="C348" s="1">
        <v>34632</v>
      </c>
      <c r="D348" t="s">
        <v>6</v>
      </c>
    </row>
    <row r="349" spans="1:4" x14ac:dyDescent="0.3">
      <c r="A349" t="s">
        <v>693</v>
      </c>
      <c r="B349" t="s">
        <v>694</v>
      </c>
      <c r="C349" s="1">
        <v>26481</v>
      </c>
      <c r="D349" t="s">
        <v>9</v>
      </c>
    </row>
    <row r="350" spans="1:4" x14ac:dyDescent="0.3">
      <c r="A350" t="s">
        <v>695</v>
      </c>
      <c r="B350" t="s">
        <v>696</v>
      </c>
      <c r="C350" s="1">
        <v>12965</v>
      </c>
      <c r="D350" t="s">
        <v>6</v>
      </c>
    </row>
    <row r="351" spans="1:4" x14ac:dyDescent="0.3">
      <c r="A351" t="s">
        <v>697</v>
      </c>
      <c r="B351" t="s">
        <v>698</v>
      </c>
      <c r="C351" s="1">
        <v>35939</v>
      </c>
      <c r="D351" t="s">
        <v>6</v>
      </c>
    </row>
    <row r="352" spans="1:4" x14ac:dyDescent="0.3">
      <c r="A352" t="s">
        <v>699</v>
      </c>
      <c r="B352" t="s">
        <v>700</v>
      </c>
      <c r="C352" s="1">
        <v>12204</v>
      </c>
      <c r="D352" t="s">
        <v>9</v>
      </c>
    </row>
    <row r="353" spans="1:4" x14ac:dyDescent="0.3">
      <c r="A353" t="s">
        <v>701</v>
      </c>
      <c r="B353" t="s">
        <v>702</v>
      </c>
      <c r="C353" s="1">
        <v>20629</v>
      </c>
      <c r="D353" t="s">
        <v>6</v>
      </c>
    </row>
    <row r="354" spans="1:4" x14ac:dyDescent="0.3">
      <c r="A354" t="s">
        <v>703</v>
      </c>
      <c r="B354" t="s">
        <v>704</v>
      </c>
      <c r="C354" s="1">
        <v>24577</v>
      </c>
      <c r="D354" t="s">
        <v>9</v>
      </c>
    </row>
    <row r="355" spans="1:4" x14ac:dyDescent="0.3">
      <c r="A355" t="s">
        <v>705</v>
      </c>
      <c r="B355" t="s">
        <v>706</v>
      </c>
      <c r="C355" s="1">
        <v>25953</v>
      </c>
      <c r="D355" t="s">
        <v>9</v>
      </c>
    </row>
    <row r="356" spans="1:4" x14ac:dyDescent="0.3">
      <c r="A356" t="s">
        <v>707</v>
      </c>
      <c r="B356" t="s">
        <v>708</v>
      </c>
      <c r="C356" s="1">
        <v>35140</v>
      </c>
      <c r="D356" t="s">
        <v>6</v>
      </c>
    </row>
    <row r="357" spans="1:4" x14ac:dyDescent="0.3">
      <c r="A357" t="s">
        <v>709</v>
      </c>
      <c r="B357" t="s">
        <v>710</v>
      </c>
      <c r="C357" s="1">
        <v>19263</v>
      </c>
      <c r="D357" t="s">
        <v>6</v>
      </c>
    </row>
    <row r="358" spans="1:4" x14ac:dyDescent="0.3">
      <c r="A358" t="s">
        <v>711</v>
      </c>
      <c r="B358" t="s">
        <v>712</v>
      </c>
      <c r="C358" s="1">
        <v>24241</v>
      </c>
      <c r="D358" t="s">
        <v>6</v>
      </c>
    </row>
    <row r="359" spans="1:4" x14ac:dyDescent="0.3">
      <c r="A359" t="s">
        <v>713</v>
      </c>
      <c r="B359" t="s">
        <v>714</v>
      </c>
      <c r="C359" s="1">
        <v>34293</v>
      </c>
      <c r="D359" t="s">
        <v>9</v>
      </c>
    </row>
    <row r="360" spans="1:4" x14ac:dyDescent="0.3">
      <c r="A360" t="s">
        <v>715</v>
      </c>
      <c r="B360" t="s">
        <v>716</v>
      </c>
      <c r="C360" s="1">
        <v>27092</v>
      </c>
      <c r="D360" t="s">
        <v>9</v>
      </c>
    </row>
    <row r="361" spans="1:4" x14ac:dyDescent="0.3">
      <c r="A361" t="s">
        <v>717</v>
      </c>
      <c r="B361" t="s">
        <v>718</v>
      </c>
      <c r="C361" s="1">
        <v>21180</v>
      </c>
      <c r="D361" t="s">
        <v>9</v>
      </c>
    </row>
    <row r="362" spans="1:4" x14ac:dyDescent="0.3">
      <c r="A362" t="s">
        <v>719</v>
      </c>
      <c r="B362" t="s">
        <v>421</v>
      </c>
      <c r="C362" s="1">
        <v>15857</v>
      </c>
      <c r="D362" t="s">
        <v>9</v>
      </c>
    </row>
    <row r="363" spans="1:4" x14ac:dyDescent="0.3">
      <c r="A363" t="s">
        <v>720</v>
      </c>
      <c r="B363" t="s">
        <v>721</v>
      </c>
      <c r="C363" s="1">
        <v>29557</v>
      </c>
      <c r="D363" t="s">
        <v>6</v>
      </c>
    </row>
    <row r="364" spans="1:4" x14ac:dyDescent="0.3">
      <c r="A364" t="s">
        <v>722</v>
      </c>
      <c r="B364" t="s">
        <v>723</v>
      </c>
      <c r="C364" s="1">
        <v>31207</v>
      </c>
      <c r="D364" t="s">
        <v>9</v>
      </c>
    </row>
    <row r="365" spans="1:4" x14ac:dyDescent="0.3">
      <c r="A365" t="s">
        <v>724</v>
      </c>
      <c r="B365" t="s">
        <v>725</v>
      </c>
      <c r="C365" s="1">
        <v>15062</v>
      </c>
      <c r="D365" t="s">
        <v>6</v>
      </c>
    </row>
    <row r="366" spans="1:4" x14ac:dyDescent="0.3">
      <c r="A366" t="s">
        <v>726</v>
      </c>
      <c r="B366" t="s">
        <v>727</v>
      </c>
      <c r="C366" s="1">
        <v>11269</v>
      </c>
      <c r="D366" t="s">
        <v>9</v>
      </c>
    </row>
    <row r="367" spans="1:4" x14ac:dyDescent="0.3">
      <c r="A367" t="s">
        <v>728</v>
      </c>
      <c r="B367" t="s">
        <v>729</v>
      </c>
      <c r="C367" s="1">
        <v>13372</v>
      </c>
      <c r="D367" t="s">
        <v>6</v>
      </c>
    </row>
    <row r="368" spans="1:4" x14ac:dyDescent="0.3">
      <c r="A368" t="s">
        <v>730</v>
      </c>
      <c r="B368" t="s">
        <v>731</v>
      </c>
      <c r="C368" s="1">
        <v>36232</v>
      </c>
      <c r="D368" t="s">
        <v>6</v>
      </c>
    </row>
    <row r="369" spans="1:4" x14ac:dyDescent="0.3">
      <c r="A369" t="s">
        <v>732</v>
      </c>
      <c r="B369" t="s">
        <v>733</v>
      </c>
      <c r="C369" s="1">
        <v>29532</v>
      </c>
      <c r="D369" t="s">
        <v>6</v>
      </c>
    </row>
    <row r="370" spans="1:4" x14ac:dyDescent="0.3">
      <c r="A370" t="s">
        <v>734</v>
      </c>
      <c r="B370" t="s">
        <v>735</v>
      </c>
      <c r="C370" s="1">
        <v>29613</v>
      </c>
      <c r="D370" t="s">
        <v>9</v>
      </c>
    </row>
    <row r="371" spans="1:4" x14ac:dyDescent="0.3">
      <c r="A371" t="s">
        <v>736</v>
      </c>
      <c r="B371" t="s">
        <v>737</v>
      </c>
      <c r="C371" s="1">
        <v>33835</v>
      </c>
      <c r="D371" t="s">
        <v>9</v>
      </c>
    </row>
    <row r="372" spans="1:4" x14ac:dyDescent="0.3">
      <c r="A372" t="s">
        <v>418</v>
      </c>
      <c r="B372" t="s">
        <v>738</v>
      </c>
      <c r="C372" s="1">
        <v>21243</v>
      </c>
      <c r="D372" t="s">
        <v>6</v>
      </c>
    </row>
    <row r="373" spans="1:4" x14ac:dyDescent="0.3">
      <c r="A373" t="s">
        <v>739</v>
      </c>
      <c r="B373" t="s">
        <v>740</v>
      </c>
      <c r="C373" s="1">
        <v>33422</v>
      </c>
      <c r="D373" t="s">
        <v>6</v>
      </c>
    </row>
    <row r="374" spans="1:4" x14ac:dyDescent="0.3">
      <c r="A374" t="s">
        <v>741</v>
      </c>
      <c r="B374" t="s">
        <v>742</v>
      </c>
      <c r="C374" s="1">
        <v>13192</v>
      </c>
      <c r="D374" t="s">
        <v>6</v>
      </c>
    </row>
    <row r="375" spans="1:4" x14ac:dyDescent="0.3">
      <c r="A375" t="s">
        <v>743</v>
      </c>
      <c r="B375" t="s">
        <v>744</v>
      </c>
      <c r="C375" s="1">
        <v>10069</v>
      </c>
      <c r="D375" t="s">
        <v>6</v>
      </c>
    </row>
    <row r="376" spans="1:4" x14ac:dyDescent="0.3">
      <c r="A376" t="s">
        <v>745</v>
      </c>
      <c r="B376" t="s">
        <v>746</v>
      </c>
      <c r="C376" s="1">
        <v>18392</v>
      </c>
      <c r="D376" t="s">
        <v>6</v>
      </c>
    </row>
    <row r="377" spans="1:4" x14ac:dyDescent="0.3">
      <c r="A377" t="s">
        <v>747</v>
      </c>
      <c r="B377" t="s">
        <v>748</v>
      </c>
      <c r="C377" s="1">
        <v>12885</v>
      </c>
      <c r="D377" t="s">
        <v>9</v>
      </c>
    </row>
    <row r="378" spans="1:4" x14ac:dyDescent="0.3">
      <c r="A378" t="s">
        <v>749</v>
      </c>
      <c r="B378" t="s">
        <v>750</v>
      </c>
      <c r="C378" s="1">
        <v>11632</v>
      </c>
      <c r="D378" t="s">
        <v>6</v>
      </c>
    </row>
    <row r="379" spans="1:4" x14ac:dyDescent="0.3">
      <c r="A379" t="s">
        <v>751</v>
      </c>
      <c r="B379" t="s">
        <v>752</v>
      </c>
      <c r="C379" s="1">
        <v>24705</v>
      </c>
      <c r="D379" t="s">
        <v>6</v>
      </c>
    </row>
    <row r="380" spans="1:4" x14ac:dyDescent="0.3">
      <c r="A380" t="s">
        <v>753</v>
      </c>
      <c r="B380" t="s">
        <v>754</v>
      </c>
      <c r="C380" s="1">
        <v>18676</v>
      </c>
      <c r="D380" t="s">
        <v>6</v>
      </c>
    </row>
    <row r="381" spans="1:4" x14ac:dyDescent="0.3">
      <c r="A381" t="s">
        <v>755</v>
      </c>
      <c r="B381" t="s">
        <v>756</v>
      </c>
      <c r="C381" s="1">
        <v>9803</v>
      </c>
      <c r="D381" t="s">
        <v>6</v>
      </c>
    </row>
    <row r="382" spans="1:4" x14ac:dyDescent="0.3">
      <c r="A382" t="s">
        <v>757</v>
      </c>
      <c r="B382" t="s">
        <v>758</v>
      </c>
      <c r="C382" s="1">
        <v>11358</v>
      </c>
      <c r="D382" t="s">
        <v>6</v>
      </c>
    </row>
    <row r="383" spans="1:4" x14ac:dyDescent="0.3">
      <c r="A383" t="s">
        <v>759</v>
      </c>
      <c r="B383" t="s">
        <v>760</v>
      </c>
      <c r="C383" s="1">
        <v>31998</v>
      </c>
      <c r="D383" t="s">
        <v>6</v>
      </c>
    </row>
    <row r="384" spans="1:4" x14ac:dyDescent="0.3">
      <c r="A384" t="s">
        <v>761</v>
      </c>
      <c r="B384" t="s">
        <v>762</v>
      </c>
      <c r="C384" s="1">
        <v>22538</v>
      </c>
      <c r="D384" t="s">
        <v>9</v>
      </c>
    </row>
    <row r="385" spans="1:4" x14ac:dyDescent="0.3">
      <c r="A385" t="s">
        <v>763</v>
      </c>
      <c r="B385" t="s">
        <v>764</v>
      </c>
      <c r="C385" s="1">
        <v>26851</v>
      </c>
      <c r="D385" t="s">
        <v>9</v>
      </c>
    </row>
    <row r="386" spans="1:4" x14ac:dyDescent="0.3">
      <c r="A386" t="s">
        <v>765</v>
      </c>
      <c r="B386" t="s">
        <v>766</v>
      </c>
      <c r="C386" s="1">
        <v>8805</v>
      </c>
      <c r="D386" t="s">
        <v>6</v>
      </c>
    </row>
    <row r="387" spans="1:4" x14ac:dyDescent="0.3">
      <c r="A387" t="s">
        <v>767</v>
      </c>
      <c r="B387" t="s">
        <v>768</v>
      </c>
      <c r="C387" s="1">
        <v>31060</v>
      </c>
      <c r="D387" t="s">
        <v>6</v>
      </c>
    </row>
    <row r="388" spans="1:4" x14ac:dyDescent="0.3">
      <c r="A388" t="s">
        <v>769</v>
      </c>
      <c r="B388" t="s">
        <v>770</v>
      </c>
      <c r="C388" s="1">
        <v>18750</v>
      </c>
      <c r="D388" t="s">
        <v>9</v>
      </c>
    </row>
    <row r="389" spans="1:4" x14ac:dyDescent="0.3">
      <c r="A389" t="s">
        <v>771</v>
      </c>
      <c r="B389" t="s">
        <v>772</v>
      </c>
      <c r="C389" s="1">
        <v>33375</v>
      </c>
      <c r="D389" t="s">
        <v>9</v>
      </c>
    </row>
    <row r="390" spans="1:4" x14ac:dyDescent="0.3">
      <c r="A390" t="s">
        <v>773</v>
      </c>
      <c r="B390" t="s">
        <v>774</v>
      </c>
      <c r="C390" s="1">
        <v>28807</v>
      </c>
      <c r="D390" t="s">
        <v>6</v>
      </c>
    </row>
    <row r="391" spans="1:4" x14ac:dyDescent="0.3">
      <c r="A391" t="s">
        <v>775</v>
      </c>
      <c r="B391" t="s">
        <v>776</v>
      </c>
      <c r="C391" s="1">
        <v>18129</v>
      </c>
      <c r="D391" t="s">
        <v>6</v>
      </c>
    </row>
    <row r="392" spans="1:4" x14ac:dyDescent="0.3">
      <c r="A392" t="s">
        <v>777</v>
      </c>
      <c r="B392" t="s">
        <v>778</v>
      </c>
      <c r="C392" s="1">
        <v>22753</v>
      </c>
      <c r="D392" t="s">
        <v>9</v>
      </c>
    </row>
    <row r="393" spans="1:4" x14ac:dyDescent="0.3">
      <c r="A393" t="s">
        <v>779</v>
      </c>
      <c r="B393" t="s">
        <v>780</v>
      </c>
      <c r="C393" s="1">
        <v>20940</v>
      </c>
      <c r="D393" t="s">
        <v>9</v>
      </c>
    </row>
    <row r="394" spans="1:4" x14ac:dyDescent="0.3">
      <c r="A394" t="s">
        <v>781</v>
      </c>
      <c r="B394" t="s">
        <v>782</v>
      </c>
      <c r="C394" s="1">
        <v>8954</v>
      </c>
      <c r="D394" t="s">
        <v>6</v>
      </c>
    </row>
    <row r="395" spans="1:4" x14ac:dyDescent="0.3">
      <c r="A395" t="s">
        <v>783</v>
      </c>
      <c r="B395" t="s">
        <v>784</v>
      </c>
      <c r="C395" s="1">
        <v>17477</v>
      </c>
      <c r="D395" t="s">
        <v>9</v>
      </c>
    </row>
    <row r="396" spans="1:4" x14ac:dyDescent="0.3">
      <c r="A396" t="s">
        <v>785</v>
      </c>
      <c r="B396" t="s">
        <v>786</v>
      </c>
      <c r="C396" s="1">
        <v>19789</v>
      </c>
      <c r="D396" t="s">
        <v>6</v>
      </c>
    </row>
    <row r="397" spans="1:4" x14ac:dyDescent="0.3">
      <c r="A397" t="s">
        <v>787</v>
      </c>
      <c r="B397" t="s">
        <v>788</v>
      </c>
      <c r="C397" s="1">
        <v>26648</v>
      </c>
      <c r="D397" t="s">
        <v>9</v>
      </c>
    </row>
    <row r="398" spans="1:4" x14ac:dyDescent="0.3">
      <c r="A398" t="s">
        <v>789</v>
      </c>
      <c r="B398" t="s">
        <v>790</v>
      </c>
      <c r="C398" s="1">
        <v>35973</v>
      </c>
      <c r="D398" t="s">
        <v>9</v>
      </c>
    </row>
    <row r="399" spans="1:4" x14ac:dyDescent="0.3">
      <c r="A399" t="s">
        <v>791</v>
      </c>
      <c r="B399" t="s">
        <v>117</v>
      </c>
      <c r="C399" s="1">
        <v>12494</v>
      </c>
      <c r="D399" t="s">
        <v>9</v>
      </c>
    </row>
    <row r="400" spans="1:4" x14ac:dyDescent="0.3">
      <c r="A400" t="s">
        <v>792</v>
      </c>
      <c r="B400" t="s">
        <v>793</v>
      </c>
      <c r="C400" s="1">
        <v>23808</v>
      </c>
      <c r="D400" t="s">
        <v>9</v>
      </c>
    </row>
    <row r="401" spans="1:4" x14ac:dyDescent="0.3">
      <c r="A401" t="s">
        <v>794</v>
      </c>
      <c r="B401" t="s">
        <v>795</v>
      </c>
      <c r="C401" s="1">
        <v>21103</v>
      </c>
      <c r="D401" t="s">
        <v>6</v>
      </c>
    </row>
    <row r="402" spans="1:4" x14ac:dyDescent="0.3">
      <c r="A402" t="s">
        <v>796</v>
      </c>
      <c r="B402" t="s">
        <v>797</v>
      </c>
      <c r="C402" s="1">
        <v>32986</v>
      </c>
      <c r="D402" t="s">
        <v>6</v>
      </c>
    </row>
    <row r="403" spans="1:4" x14ac:dyDescent="0.3">
      <c r="A403" t="s">
        <v>798</v>
      </c>
      <c r="B403" t="s">
        <v>799</v>
      </c>
      <c r="C403" s="1">
        <v>17781</v>
      </c>
      <c r="D403" t="s">
        <v>6</v>
      </c>
    </row>
    <row r="404" spans="1:4" x14ac:dyDescent="0.3">
      <c r="A404" t="s">
        <v>800</v>
      </c>
      <c r="B404" t="s">
        <v>801</v>
      </c>
      <c r="C404" s="1">
        <v>20637</v>
      </c>
      <c r="D404" t="s">
        <v>6</v>
      </c>
    </row>
    <row r="405" spans="1:4" x14ac:dyDescent="0.3">
      <c r="A405" t="s">
        <v>802</v>
      </c>
      <c r="B405" t="s">
        <v>803</v>
      </c>
      <c r="C405" s="1">
        <v>31958</v>
      </c>
      <c r="D405" t="s">
        <v>9</v>
      </c>
    </row>
    <row r="406" spans="1:4" x14ac:dyDescent="0.3">
      <c r="A406" t="s">
        <v>804</v>
      </c>
      <c r="B406" t="s">
        <v>805</v>
      </c>
      <c r="C406" s="1">
        <v>23768</v>
      </c>
      <c r="D406" t="s">
        <v>9</v>
      </c>
    </row>
    <row r="407" spans="1:4" x14ac:dyDescent="0.3">
      <c r="A407" t="s">
        <v>806</v>
      </c>
      <c r="B407" t="s">
        <v>807</v>
      </c>
      <c r="C407" s="1">
        <v>22679</v>
      </c>
      <c r="D407" t="s">
        <v>9</v>
      </c>
    </row>
    <row r="408" spans="1:4" x14ac:dyDescent="0.3">
      <c r="A408" t="s">
        <v>808</v>
      </c>
      <c r="B408" t="s">
        <v>809</v>
      </c>
      <c r="C408" s="1">
        <v>10436</v>
      </c>
      <c r="D408" t="s">
        <v>6</v>
      </c>
    </row>
    <row r="409" spans="1:4" x14ac:dyDescent="0.3">
      <c r="A409" t="s">
        <v>810</v>
      </c>
      <c r="B409" t="s">
        <v>811</v>
      </c>
      <c r="C409" s="1">
        <v>17274</v>
      </c>
      <c r="D409" t="s">
        <v>9</v>
      </c>
    </row>
    <row r="410" spans="1:4" x14ac:dyDescent="0.3">
      <c r="A410" t="s">
        <v>812</v>
      </c>
      <c r="B410" t="s">
        <v>813</v>
      </c>
      <c r="C410" s="1">
        <v>33967</v>
      </c>
      <c r="D410" t="s">
        <v>9</v>
      </c>
    </row>
    <row r="411" spans="1:4" x14ac:dyDescent="0.3">
      <c r="A411" t="s">
        <v>814</v>
      </c>
      <c r="B411" t="s">
        <v>815</v>
      </c>
      <c r="C411" s="1">
        <v>26861</v>
      </c>
      <c r="D411" t="s">
        <v>9</v>
      </c>
    </row>
    <row r="412" spans="1:4" x14ac:dyDescent="0.3">
      <c r="A412" t="s">
        <v>816</v>
      </c>
      <c r="B412" t="s">
        <v>817</v>
      </c>
      <c r="C412" s="1">
        <v>20366</v>
      </c>
      <c r="D412" t="s">
        <v>9</v>
      </c>
    </row>
    <row r="413" spans="1:4" x14ac:dyDescent="0.3">
      <c r="A413" t="s">
        <v>818</v>
      </c>
      <c r="B413" t="s">
        <v>819</v>
      </c>
      <c r="C413" s="1">
        <v>12063</v>
      </c>
      <c r="D413" t="s">
        <v>6</v>
      </c>
    </row>
    <row r="414" spans="1:4" x14ac:dyDescent="0.3">
      <c r="A414" t="s">
        <v>820</v>
      </c>
      <c r="B414" t="s">
        <v>821</v>
      </c>
      <c r="C414" s="1">
        <v>27806</v>
      </c>
      <c r="D414" t="s">
        <v>9</v>
      </c>
    </row>
    <row r="415" spans="1:4" x14ac:dyDescent="0.3">
      <c r="A415" t="s">
        <v>822</v>
      </c>
      <c r="B415" t="s">
        <v>823</v>
      </c>
      <c r="C415" s="1">
        <v>21413</v>
      </c>
      <c r="D415" t="s">
        <v>6</v>
      </c>
    </row>
    <row r="416" spans="1:4" x14ac:dyDescent="0.3">
      <c r="A416" t="s">
        <v>824</v>
      </c>
      <c r="B416" t="s">
        <v>825</v>
      </c>
      <c r="C416" s="1">
        <v>13453</v>
      </c>
      <c r="D416" t="s">
        <v>6</v>
      </c>
    </row>
    <row r="417" spans="1:4" x14ac:dyDescent="0.3">
      <c r="A417" t="s">
        <v>826</v>
      </c>
      <c r="B417" t="s">
        <v>827</v>
      </c>
      <c r="C417" s="1">
        <v>26878</v>
      </c>
      <c r="D417" t="s">
        <v>6</v>
      </c>
    </row>
    <row r="418" spans="1:4" x14ac:dyDescent="0.3">
      <c r="A418" t="s">
        <v>828</v>
      </c>
      <c r="B418" t="s">
        <v>829</v>
      </c>
      <c r="C418" s="1">
        <v>21471</v>
      </c>
      <c r="D418" t="s">
        <v>9</v>
      </c>
    </row>
    <row r="419" spans="1:4" x14ac:dyDescent="0.3">
      <c r="A419" t="s">
        <v>830</v>
      </c>
      <c r="B419" t="s">
        <v>831</v>
      </c>
      <c r="C419" s="1">
        <v>12633</v>
      </c>
      <c r="D419" t="s">
        <v>9</v>
      </c>
    </row>
    <row r="420" spans="1:4" x14ac:dyDescent="0.3">
      <c r="A420" t="s">
        <v>832</v>
      </c>
      <c r="B420" t="s">
        <v>833</v>
      </c>
      <c r="C420" s="1">
        <v>34739</v>
      </c>
      <c r="D420" t="s">
        <v>6</v>
      </c>
    </row>
    <row r="421" spans="1:4" x14ac:dyDescent="0.3">
      <c r="A421" t="s">
        <v>834</v>
      </c>
      <c r="B421" t="s">
        <v>835</v>
      </c>
      <c r="C421" s="1">
        <v>23799</v>
      </c>
      <c r="D421" t="s">
        <v>6</v>
      </c>
    </row>
    <row r="422" spans="1:4" x14ac:dyDescent="0.3">
      <c r="A422" t="s">
        <v>836</v>
      </c>
      <c r="B422" t="s">
        <v>837</v>
      </c>
      <c r="C422" s="1">
        <v>19851</v>
      </c>
      <c r="D422" t="s">
        <v>9</v>
      </c>
    </row>
    <row r="423" spans="1:4" x14ac:dyDescent="0.3">
      <c r="A423" t="s">
        <v>838</v>
      </c>
      <c r="B423" t="s">
        <v>839</v>
      </c>
      <c r="C423" s="1">
        <v>34243</v>
      </c>
      <c r="D423" t="s">
        <v>6</v>
      </c>
    </row>
    <row r="424" spans="1:4" x14ac:dyDescent="0.3">
      <c r="A424" t="s">
        <v>840</v>
      </c>
      <c r="B424" t="s">
        <v>841</v>
      </c>
      <c r="C424" s="1">
        <v>26222</v>
      </c>
      <c r="D424" t="s">
        <v>6</v>
      </c>
    </row>
    <row r="425" spans="1:4" x14ac:dyDescent="0.3">
      <c r="A425" t="s">
        <v>842</v>
      </c>
      <c r="B425" t="s">
        <v>843</v>
      </c>
      <c r="C425" s="1">
        <v>33142</v>
      </c>
      <c r="D425" t="s">
        <v>9</v>
      </c>
    </row>
    <row r="426" spans="1:4" x14ac:dyDescent="0.3">
      <c r="A426" t="s">
        <v>844</v>
      </c>
      <c r="B426" t="s">
        <v>845</v>
      </c>
      <c r="C426" s="1">
        <v>29968</v>
      </c>
      <c r="D426" t="s">
        <v>9</v>
      </c>
    </row>
    <row r="427" spans="1:4" x14ac:dyDescent="0.3">
      <c r="A427" t="s">
        <v>846</v>
      </c>
      <c r="B427" t="s">
        <v>847</v>
      </c>
      <c r="C427" s="1">
        <v>15328</v>
      </c>
      <c r="D427" t="s">
        <v>9</v>
      </c>
    </row>
    <row r="428" spans="1:4" x14ac:dyDescent="0.3">
      <c r="A428" t="s">
        <v>848</v>
      </c>
      <c r="B428" t="s">
        <v>849</v>
      </c>
      <c r="C428" s="1">
        <v>16864</v>
      </c>
      <c r="D428" t="s">
        <v>9</v>
      </c>
    </row>
    <row r="429" spans="1:4" x14ac:dyDescent="0.3">
      <c r="A429" t="s">
        <v>850</v>
      </c>
      <c r="B429" t="s">
        <v>851</v>
      </c>
      <c r="C429" s="1">
        <v>9841</v>
      </c>
      <c r="D429" t="s">
        <v>9</v>
      </c>
    </row>
    <row r="430" spans="1:4" x14ac:dyDescent="0.3">
      <c r="A430" t="s">
        <v>852</v>
      </c>
      <c r="B430" t="s">
        <v>853</v>
      </c>
      <c r="C430" s="1">
        <v>29922</v>
      </c>
      <c r="D430" t="s">
        <v>9</v>
      </c>
    </row>
    <row r="431" spans="1:4" x14ac:dyDescent="0.3">
      <c r="A431" t="s">
        <v>854</v>
      </c>
      <c r="B431" t="s">
        <v>855</v>
      </c>
      <c r="C431" s="1">
        <v>36107</v>
      </c>
      <c r="D431" t="s">
        <v>6</v>
      </c>
    </row>
    <row r="432" spans="1:4" x14ac:dyDescent="0.3">
      <c r="A432" t="s">
        <v>856</v>
      </c>
      <c r="B432" t="s">
        <v>857</v>
      </c>
      <c r="C432" s="1">
        <v>35367</v>
      </c>
      <c r="D432" t="s">
        <v>6</v>
      </c>
    </row>
    <row r="433" spans="1:4" x14ac:dyDescent="0.3">
      <c r="A433" t="s">
        <v>858</v>
      </c>
      <c r="B433" t="s">
        <v>859</v>
      </c>
      <c r="C433" s="1">
        <v>29676</v>
      </c>
      <c r="D433" t="s">
        <v>6</v>
      </c>
    </row>
    <row r="434" spans="1:4" x14ac:dyDescent="0.3">
      <c r="A434" t="s">
        <v>860</v>
      </c>
      <c r="B434" t="s">
        <v>861</v>
      </c>
      <c r="C434" s="1">
        <v>9875</v>
      </c>
      <c r="D434" t="s">
        <v>9</v>
      </c>
    </row>
    <row r="435" spans="1:4" x14ac:dyDescent="0.3">
      <c r="A435" t="s">
        <v>862</v>
      </c>
      <c r="B435" t="s">
        <v>863</v>
      </c>
      <c r="C435" s="1">
        <v>14924</v>
      </c>
      <c r="D435" t="s">
        <v>6</v>
      </c>
    </row>
    <row r="436" spans="1:4" x14ac:dyDescent="0.3">
      <c r="A436" t="s">
        <v>864</v>
      </c>
      <c r="B436" t="s">
        <v>865</v>
      </c>
      <c r="C436" s="1">
        <v>20940</v>
      </c>
      <c r="D436" t="s">
        <v>9</v>
      </c>
    </row>
    <row r="437" spans="1:4" x14ac:dyDescent="0.3">
      <c r="A437" t="s">
        <v>866</v>
      </c>
      <c r="B437" t="s">
        <v>867</v>
      </c>
      <c r="C437" s="1">
        <v>10726</v>
      </c>
      <c r="D437" t="s">
        <v>6</v>
      </c>
    </row>
    <row r="438" spans="1:4" x14ac:dyDescent="0.3">
      <c r="A438" t="s">
        <v>868</v>
      </c>
      <c r="B438" t="s">
        <v>869</v>
      </c>
      <c r="C438" s="1">
        <v>18956</v>
      </c>
      <c r="D438" t="s">
        <v>9</v>
      </c>
    </row>
    <row r="439" spans="1:4" x14ac:dyDescent="0.3">
      <c r="A439" t="s">
        <v>870</v>
      </c>
      <c r="B439" t="s">
        <v>871</v>
      </c>
      <c r="C439" s="1">
        <v>22353</v>
      </c>
      <c r="D439" t="s">
        <v>9</v>
      </c>
    </row>
    <row r="440" spans="1:4" x14ac:dyDescent="0.3">
      <c r="A440" t="s">
        <v>872</v>
      </c>
      <c r="B440" t="s">
        <v>873</v>
      </c>
      <c r="C440" s="1">
        <v>26781</v>
      </c>
      <c r="D440" t="s">
        <v>9</v>
      </c>
    </row>
    <row r="441" spans="1:4" x14ac:dyDescent="0.3">
      <c r="A441" t="s">
        <v>874</v>
      </c>
      <c r="B441" t="s">
        <v>875</v>
      </c>
      <c r="C441" s="1">
        <v>32669</v>
      </c>
      <c r="D441" t="s">
        <v>9</v>
      </c>
    </row>
    <row r="442" spans="1:4" x14ac:dyDescent="0.3">
      <c r="A442" t="s">
        <v>876</v>
      </c>
      <c r="B442" t="s">
        <v>877</v>
      </c>
      <c r="C442" s="1">
        <v>32720</v>
      </c>
      <c r="D442" t="s">
        <v>9</v>
      </c>
    </row>
    <row r="443" spans="1:4" x14ac:dyDescent="0.3">
      <c r="A443" t="s">
        <v>878</v>
      </c>
      <c r="B443" t="s">
        <v>879</v>
      </c>
      <c r="C443" s="1">
        <v>19405</v>
      </c>
      <c r="D443" t="s">
        <v>9</v>
      </c>
    </row>
    <row r="444" spans="1:4" x14ac:dyDescent="0.3">
      <c r="A444" t="s">
        <v>880</v>
      </c>
      <c r="B444" t="s">
        <v>881</v>
      </c>
      <c r="C444" s="1">
        <v>25520</v>
      </c>
      <c r="D444" t="s">
        <v>6</v>
      </c>
    </row>
    <row r="445" spans="1:4" x14ac:dyDescent="0.3">
      <c r="A445" t="s">
        <v>882</v>
      </c>
      <c r="B445" t="s">
        <v>883</v>
      </c>
      <c r="C445" s="1">
        <v>15820</v>
      </c>
      <c r="D445" t="s">
        <v>6</v>
      </c>
    </row>
    <row r="446" spans="1:4" x14ac:dyDescent="0.3">
      <c r="A446" t="s">
        <v>884</v>
      </c>
      <c r="B446" t="s">
        <v>885</v>
      </c>
      <c r="C446" s="1">
        <v>14228</v>
      </c>
      <c r="D446" t="s">
        <v>9</v>
      </c>
    </row>
    <row r="447" spans="1:4" x14ac:dyDescent="0.3">
      <c r="A447" t="s">
        <v>886</v>
      </c>
      <c r="B447" t="s">
        <v>887</v>
      </c>
      <c r="C447" s="1">
        <v>8865</v>
      </c>
      <c r="D447" t="s">
        <v>6</v>
      </c>
    </row>
    <row r="448" spans="1:4" x14ac:dyDescent="0.3">
      <c r="A448" t="s">
        <v>888</v>
      </c>
      <c r="B448" t="s">
        <v>889</v>
      </c>
      <c r="C448" s="1">
        <v>21828</v>
      </c>
      <c r="D448" t="s">
        <v>6</v>
      </c>
    </row>
    <row r="449" spans="1:4" x14ac:dyDescent="0.3">
      <c r="A449" t="s">
        <v>890</v>
      </c>
      <c r="B449" t="s">
        <v>891</v>
      </c>
      <c r="C449" s="1">
        <v>28558</v>
      </c>
      <c r="D449" t="s">
        <v>6</v>
      </c>
    </row>
    <row r="450" spans="1:4" x14ac:dyDescent="0.3">
      <c r="A450" t="s">
        <v>892</v>
      </c>
      <c r="B450" t="s">
        <v>893</v>
      </c>
      <c r="C450" s="1">
        <v>24591</v>
      </c>
      <c r="D450" t="s">
        <v>6</v>
      </c>
    </row>
    <row r="451" spans="1:4" x14ac:dyDescent="0.3">
      <c r="A451" t="s">
        <v>894</v>
      </c>
      <c r="B451" t="s">
        <v>895</v>
      </c>
      <c r="C451" s="1">
        <v>11318</v>
      </c>
      <c r="D451" t="s">
        <v>6</v>
      </c>
    </row>
    <row r="452" spans="1:4" x14ac:dyDescent="0.3">
      <c r="A452" t="s">
        <v>896</v>
      </c>
      <c r="B452" t="s">
        <v>897</v>
      </c>
      <c r="C452" s="1">
        <v>27175</v>
      </c>
      <c r="D452" t="s">
        <v>6</v>
      </c>
    </row>
    <row r="453" spans="1:4" x14ac:dyDescent="0.3">
      <c r="A453" t="s">
        <v>898</v>
      </c>
      <c r="B453" t="s">
        <v>899</v>
      </c>
      <c r="C453" s="1">
        <v>27272</v>
      </c>
      <c r="D453" t="s">
        <v>9</v>
      </c>
    </row>
    <row r="454" spans="1:4" x14ac:dyDescent="0.3">
      <c r="A454" t="s">
        <v>900</v>
      </c>
      <c r="B454" t="s">
        <v>901</v>
      </c>
      <c r="C454" s="1">
        <v>21744</v>
      </c>
      <c r="D454" t="s">
        <v>6</v>
      </c>
    </row>
    <row r="455" spans="1:4" x14ac:dyDescent="0.3">
      <c r="A455" t="s">
        <v>902</v>
      </c>
      <c r="B455" t="s">
        <v>903</v>
      </c>
      <c r="C455" s="1">
        <v>12799</v>
      </c>
      <c r="D455" t="s">
        <v>6</v>
      </c>
    </row>
    <row r="456" spans="1:4" x14ac:dyDescent="0.3">
      <c r="A456" t="s">
        <v>904</v>
      </c>
      <c r="B456" t="s">
        <v>905</v>
      </c>
      <c r="C456" s="1">
        <v>24042</v>
      </c>
      <c r="D456" t="s">
        <v>6</v>
      </c>
    </row>
    <row r="457" spans="1:4" x14ac:dyDescent="0.3">
      <c r="A457" t="s">
        <v>906</v>
      </c>
      <c r="B457" t="s">
        <v>907</v>
      </c>
      <c r="C457" s="1">
        <v>26213</v>
      </c>
      <c r="D457" t="s">
        <v>6</v>
      </c>
    </row>
    <row r="458" spans="1:4" x14ac:dyDescent="0.3">
      <c r="A458" t="s">
        <v>908</v>
      </c>
      <c r="B458" t="s">
        <v>909</v>
      </c>
      <c r="C458" s="1">
        <v>11452</v>
      </c>
      <c r="D458" t="s">
        <v>9</v>
      </c>
    </row>
    <row r="459" spans="1:4" x14ac:dyDescent="0.3">
      <c r="A459" t="s">
        <v>910</v>
      </c>
      <c r="B459" t="s">
        <v>911</v>
      </c>
      <c r="C459" s="1">
        <v>32602</v>
      </c>
      <c r="D459" t="s">
        <v>6</v>
      </c>
    </row>
    <row r="460" spans="1:4" x14ac:dyDescent="0.3">
      <c r="A460" t="s">
        <v>912</v>
      </c>
      <c r="B460" t="s">
        <v>913</v>
      </c>
      <c r="C460" s="1">
        <v>32966</v>
      </c>
      <c r="D460" t="s">
        <v>6</v>
      </c>
    </row>
    <row r="461" spans="1:4" x14ac:dyDescent="0.3">
      <c r="A461" t="s">
        <v>914</v>
      </c>
      <c r="B461" t="s">
        <v>915</v>
      </c>
      <c r="C461" s="1">
        <v>7589</v>
      </c>
      <c r="D461" t="s">
        <v>9</v>
      </c>
    </row>
    <row r="462" spans="1:4" x14ac:dyDescent="0.3">
      <c r="A462" t="s">
        <v>916</v>
      </c>
      <c r="B462" t="s">
        <v>917</v>
      </c>
      <c r="C462" s="1">
        <v>35436</v>
      </c>
      <c r="D462" t="s">
        <v>9</v>
      </c>
    </row>
    <row r="463" spans="1:4" x14ac:dyDescent="0.3">
      <c r="A463" t="s">
        <v>918</v>
      </c>
      <c r="B463" t="s">
        <v>919</v>
      </c>
      <c r="C463" s="1">
        <v>27111</v>
      </c>
      <c r="D463" t="s">
        <v>6</v>
      </c>
    </row>
    <row r="464" spans="1:4" x14ac:dyDescent="0.3">
      <c r="A464" t="s">
        <v>920</v>
      </c>
      <c r="B464" t="s">
        <v>921</v>
      </c>
      <c r="C464" s="1">
        <v>17304</v>
      </c>
      <c r="D464" t="s">
        <v>6</v>
      </c>
    </row>
    <row r="465" spans="1:4" x14ac:dyDescent="0.3">
      <c r="A465" t="s">
        <v>922</v>
      </c>
      <c r="B465" t="s">
        <v>923</v>
      </c>
      <c r="C465" s="1">
        <v>30486</v>
      </c>
      <c r="D465" t="s">
        <v>9</v>
      </c>
    </row>
    <row r="466" spans="1:4" x14ac:dyDescent="0.3">
      <c r="A466" t="s">
        <v>924</v>
      </c>
      <c r="B466" t="s">
        <v>925</v>
      </c>
      <c r="C466" s="1">
        <v>18931</v>
      </c>
      <c r="D466" t="s">
        <v>6</v>
      </c>
    </row>
    <row r="467" spans="1:4" x14ac:dyDescent="0.3">
      <c r="A467" t="s">
        <v>926</v>
      </c>
      <c r="B467" t="s">
        <v>927</v>
      </c>
      <c r="C467" s="1">
        <v>36462</v>
      </c>
      <c r="D467" t="s">
        <v>9</v>
      </c>
    </row>
    <row r="468" spans="1:4" x14ac:dyDescent="0.3">
      <c r="A468" t="s">
        <v>928</v>
      </c>
      <c r="B468" t="s">
        <v>929</v>
      </c>
      <c r="C468" s="1">
        <v>29824</v>
      </c>
      <c r="D468" t="s">
        <v>9</v>
      </c>
    </row>
    <row r="469" spans="1:4" x14ac:dyDescent="0.3">
      <c r="A469" t="s">
        <v>930</v>
      </c>
      <c r="B469" t="s">
        <v>931</v>
      </c>
      <c r="C469" s="1">
        <v>19868</v>
      </c>
      <c r="D469" t="s">
        <v>6</v>
      </c>
    </row>
    <row r="470" spans="1:4" x14ac:dyDescent="0.3">
      <c r="A470" t="s">
        <v>932</v>
      </c>
      <c r="B470" t="s">
        <v>933</v>
      </c>
      <c r="C470" s="1">
        <v>16147</v>
      </c>
      <c r="D470" t="s">
        <v>9</v>
      </c>
    </row>
    <row r="471" spans="1:4" x14ac:dyDescent="0.3">
      <c r="A471" t="s">
        <v>934</v>
      </c>
      <c r="B471" t="s">
        <v>935</v>
      </c>
      <c r="C471" s="1">
        <v>35206</v>
      </c>
      <c r="D471" t="s">
        <v>9</v>
      </c>
    </row>
    <row r="472" spans="1:4" x14ac:dyDescent="0.3">
      <c r="A472" t="s">
        <v>936</v>
      </c>
      <c r="B472" t="s">
        <v>937</v>
      </c>
      <c r="C472" s="1">
        <v>27438</v>
      </c>
      <c r="D472" t="s">
        <v>9</v>
      </c>
    </row>
    <row r="473" spans="1:4" x14ac:dyDescent="0.3">
      <c r="A473" t="s">
        <v>87</v>
      </c>
      <c r="B473" t="s">
        <v>938</v>
      </c>
      <c r="C473" s="1">
        <v>30546</v>
      </c>
      <c r="D473" t="s">
        <v>6</v>
      </c>
    </row>
    <row r="474" spans="1:4" x14ac:dyDescent="0.3">
      <c r="A474" t="s">
        <v>939</v>
      </c>
      <c r="B474" t="s">
        <v>940</v>
      </c>
      <c r="C474" s="1">
        <v>22377</v>
      </c>
      <c r="D474" t="s">
        <v>6</v>
      </c>
    </row>
    <row r="475" spans="1:4" x14ac:dyDescent="0.3">
      <c r="A475" t="s">
        <v>941</v>
      </c>
      <c r="B475" t="s">
        <v>942</v>
      </c>
      <c r="C475" s="1">
        <v>17502</v>
      </c>
      <c r="D475" t="s">
        <v>9</v>
      </c>
    </row>
    <row r="476" spans="1:4" x14ac:dyDescent="0.3">
      <c r="A476" t="s">
        <v>943</v>
      </c>
      <c r="B476" t="s">
        <v>944</v>
      </c>
      <c r="C476" s="1">
        <v>23997</v>
      </c>
      <c r="D476" t="s">
        <v>6</v>
      </c>
    </row>
    <row r="477" spans="1:4" x14ac:dyDescent="0.3">
      <c r="A477" t="s">
        <v>945</v>
      </c>
      <c r="B477" t="s">
        <v>946</v>
      </c>
      <c r="C477" s="1">
        <v>16373</v>
      </c>
      <c r="D477" t="s">
        <v>9</v>
      </c>
    </row>
    <row r="478" spans="1:4" x14ac:dyDescent="0.3">
      <c r="A478" t="s">
        <v>947</v>
      </c>
      <c r="B478" t="s">
        <v>948</v>
      </c>
      <c r="C478" s="1">
        <v>24746</v>
      </c>
      <c r="D478" t="s">
        <v>6</v>
      </c>
    </row>
    <row r="479" spans="1:4" x14ac:dyDescent="0.3">
      <c r="A479" t="s">
        <v>949</v>
      </c>
      <c r="B479" t="s">
        <v>950</v>
      </c>
      <c r="C479" s="1">
        <v>20171</v>
      </c>
      <c r="D479" t="s">
        <v>6</v>
      </c>
    </row>
    <row r="480" spans="1:4" x14ac:dyDescent="0.3">
      <c r="A480" t="s">
        <v>951</v>
      </c>
      <c r="B480" t="s">
        <v>952</v>
      </c>
      <c r="C480" s="1">
        <v>12512</v>
      </c>
      <c r="D480" t="s">
        <v>9</v>
      </c>
    </row>
    <row r="481" spans="1:4" x14ac:dyDescent="0.3">
      <c r="A481" t="s">
        <v>953</v>
      </c>
      <c r="B481" t="s">
        <v>954</v>
      </c>
      <c r="C481" s="1">
        <v>35372</v>
      </c>
      <c r="D481" t="s">
        <v>6</v>
      </c>
    </row>
    <row r="482" spans="1:4" x14ac:dyDescent="0.3">
      <c r="A482" t="s">
        <v>955</v>
      </c>
      <c r="B482" t="s">
        <v>956</v>
      </c>
      <c r="C482" s="1">
        <v>34585</v>
      </c>
      <c r="D482" t="s">
        <v>6</v>
      </c>
    </row>
    <row r="483" spans="1:4" x14ac:dyDescent="0.3">
      <c r="A483" t="s">
        <v>957</v>
      </c>
      <c r="B483" t="s">
        <v>958</v>
      </c>
      <c r="C483" s="1">
        <v>25538</v>
      </c>
      <c r="D483" t="s">
        <v>9</v>
      </c>
    </row>
    <row r="484" spans="1:4" x14ac:dyDescent="0.3">
      <c r="A484" t="s">
        <v>959</v>
      </c>
      <c r="B484" t="s">
        <v>960</v>
      </c>
      <c r="C484" s="1">
        <v>20993</v>
      </c>
      <c r="D484" t="s">
        <v>9</v>
      </c>
    </row>
    <row r="485" spans="1:4" x14ac:dyDescent="0.3">
      <c r="A485" t="s">
        <v>961</v>
      </c>
      <c r="B485" t="s">
        <v>962</v>
      </c>
      <c r="C485" s="1">
        <v>32496</v>
      </c>
      <c r="D485" t="s">
        <v>6</v>
      </c>
    </row>
    <row r="486" spans="1:4" x14ac:dyDescent="0.3">
      <c r="A486" t="s">
        <v>963</v>
      </c>
      <c r="B486" t="s">
        <v>964</v>
      </c>
      <c r="C486" s="1">
        <v>35002</v>
      </c>
      <c r="D486" t="s">
        <v>6</v>
      </c>
    </row>
    <row r="487" spans="1:4" x14ac:dyDescent="0.3">
      <c r="A487" t="s">
        <v>965</v>
      </c>
      <c r="B487" t="s">
        <v>966</v>
      </c>
      <c r="C487" s="1">
        <v>20274</v>
      </c>
      <c r="D487" t="s">
        <v>6</v>
      </c>
    </row>
    <row r="488" spans="1:4" x14ac:dyDescent="0.3">
      <c r="A488" t="s">
        <v>967</v>
      </c>
      <c r="B488" t="s">
        <v>968</v>
      </c>
      <c r="C488" s="1">
        <v>35654</v>
      </c>
      <c r="D488" t="s">
        <v>9</v>
      </c>
    </row>
    <row r="489" spans="1:4" x14ac:dyDescent="0.3">
      <c r="A489" t="s">
        <v>969</v>
      </c>
      <c r="B489" t="s">
        <v>970</v>
      </c>
      <c r="C489" s="1">
        <v>34792</v>
      </c>
      <c r="D489" t="s">
        <v>6</v>
      </c>
    </row>
    <row r="490" spans="1:4" x14ac:dyDescent="0.3">
      <c r="A490" t="s">
        <v>971</v>
      </c>
      <c r="B490" t="s">
        <v>972</v>
      </c>
      <c r="C490" s="1">
        <v>30705</v>
      </c>
      <c r="D490" t="s">
        <v>6</v>
      </c>
    </row>
    <row r="491" spans="1:4" x14ac:dyDescent="0.3">
      <c r="A491" t="s">
        <v>973</v>
      </c>
      <c r="B491" t="s">
        <v>974</v>
      </c>
      <c r="C491" s="1">
        <v>12767</v>
      </c>
      <c r="D491" t="s">
        <v>9</v>
      </c>
    </row>
    <row r="492" spans="1:4" x14ac:dyDescent="0.3">
      <c r="A492" t="s">
        <v>975</v>
      </c>
      <c r="B492" t="s">
        <v>976</v>
      </c>
      <c r="C492" s="1">
        <v>15644</v>
      </c>
      <c r="D492" t="s">
        <v>9</v>
      </c>
    </row>
    <row r="493" spans="1:4" x14ac:dyDescent="0.3">
      <c r="A493" t="s">
        <v>977</v>
      </c>
      <c r="B493" t="s">
        <v>978</v>
      </c>
      <c r="C493" s="1">
        <v>16522</v>
      </c>
      <c r="D493" t="s">
        <v>6</v>
      </c>
    </row>
    <row r="494" spans="1:4" x14ac:dyDescent="0.3">
      <c r="A494" t="s">
        <v>979</v>
      </c>
      <c r="B494" t="s">
        <v>980</v>
      </c>
      <c r="C494" s="1">
        <v>21495</v>
      </c>
      <c r="D494" t="s">
        <v>9</v>
      </c>
    </row>
    <row r="495" spans="1:4" x14ac:dyDescent="0.3">
      <c r="A495" t="s">
        <v>981</v>
      </c>
      <c r="B495" t="s">
        <v>982</v>
      </c>
      <c r="C495" s="1">
        <v>13257</v>
      </c>
      <c r="D495" t="s">
        <v>9</v>
      </c>
    </row>
    <row r="496" spans="1:4" x14ac:dyDescent="0.3">
      <c r="A496" t="s">
        <v>983</v>
      </c>
      <c r="B496" t="s">
        <v>984</v>
      </c>
      <c r="C496" s="1">
        <v>20771</v>
      </c>
      <c r="D496" t="s">
        <v>9</v>
      </c>
    </row>
    <row r="497" spans="1:4" x14ac:dyDescent="0.3">
      <c r="A497" t="s">
        <v>985</v>
      </c>
      <c r="B497" t="s">
        <v>986</v>
      </c>
      <c r="C497" s="1">
        <v>35929</v>
      </c>
      <c r="D497" t="s">
        <v>6</v>
      </c>
    </row>
    <row r="498" spans="1:4" x14ac:dyDescent="0.3">
      <c r="A498" t="s">
        <v>987</v>
      </c>
      <c r="B498" t="s">
        <v>988</v>
      </c>
      <c r="C498" s="1">
        <v>24734</v>
      </c>
      <c r="D498" t="s">
        <v>9</v>
      </c>
    </row>
    <row r="499" spans="1:4" x14ac:dyDescent="0.3">
      <c r="A499" t="s">
        <v>989</v>
      </c>
      <c r="B499" t="s">
        <v>990</v>
      </c>
      <c r="C499" s="1">
        <v>33384</v>
      </c>
      <c r="D499" t="s">
        <v>9</v>
      </c>
    </row>
    <row r="500" spans="1:4" x14ac:dyDescent="0.3">
      <c r="A500" t="s">
        <v>991</v>
      </c>
      <c r="B500" t="s">
        <v>992</v>
      </c>
      <c r="C500" s="1">
        <v>10557</v>
      </c>
      <c r="D500" t="s">
        <v>6</v>
      </c>
    </row>
    <row r="501" spans="1:4" x14ac:dyDescent="0.3">
      <c r="A501" t="s">
        <v>993</v>
      </c>
      <c r="B501" t="s">
        <v>994</v>
      </c>
      <c r="C501" s="1">
        <v>21584</v>
      </c>
      <c r="D501" t="s">
        <v>9</v>
      </c>
    </row>
    <row r="502" spans="1:4" x14ac:dyDescent="0.3">
      <c r="A502" t="s">
        <v>995</v>
      </c>
      <c r="B502" t="s">
        <v>996</v>
      </c>
      <c r="C502" s="1">
        <v>19565</v>
      </c>
      <c r="D502" t="s">
        <v>9</v>
      </c>
    </row>
    <row r="503" spans="1:4" x14ac:dyDescent="0.3">
      <c r="A503" t="s">
        <v>997</v>
      </c>
      <c r="B503" t="s">
        <v>998</v>
      </c>
      <c r="C503" s="1">
        <v>12744</v>
      </c>
      <c r="D503" t="s">
        <v>6</v>
      </c>
    </row>
    <row r="504" spans="1:4" x14ac:dyDescent="0.3">
      <c r="A504" t="s">
        <v>999</v>
      </c>
      <c r="B504" t="s">
        <v>1000</v>
      </c>
      <c r="C504" s="1">
        <v>9242</v>
      </c>
      <c r="D504" t="s">
        <v>9</v>
      </c>
    </row>
    <row r="505" spans="1:4" x14ac:dyDescent="0.3">
      <c r="A505" t="s">
        <v>1001</v>
      </c>
      <c r="B505" t="s">
        <v>1002</v>
      </c>
      <c r="C505" s="1">
        <v>11953</v>
      </c>
      <c r="D505" t="s">
        <v>6</v>
      </c>
    </row>
    <row r="506" spans="1:4" x14ac:dyDescent="0.3">
      <c r="A506" t="s">
        <v>1003</v>
      </c>
      <c r="B506" t="s">
        <v>1004</v>
      </c>
      <c r="C506" s="1">
        <v>27750</v>
      </c>
      <c r="D506" t="s">
        <v>6</v>
      </c>
    </row>
    <row r="507" spans="1:4" x14ac:dyDescent="0.3">
      <c r="A507" t="s">
        <v>1005</v>
      </c>
      <c r="B507" t="s">
        <v>1006</v>
      </c>
      <c r="C507" s="1">
        <v>27635</v>
      </c>
      <c r="D507" t="s">
        <v>9</v>
      </c>
    </row>
    <row r="508" spans="1:4" x14ac:dyDescent="0.3">
      <c r="A508" t="s">
        <v>1007</v>
      </c>
      <c r="B508" t="s">
        <v>1008</v>
      </c>
      <c r="C508" s="1">
        <v>35784</v>
      </c>
      <c r="D508" t="s">
        <v>9</v>
      </c>
    </row>
    <row r="509" spans="1:4" x14ac:dyDescent="0.3">
      <c r="A509" t="s">
        <v>1009</v>
      </c>
      <c r="B509" t="s">
        <v>1010</v>
      </c>
      <c r="C509" s="1">
        <v>13383</v>
      </c>
      <c r="D509" t="s">
        <v>6</v>
      </c>
    </row>
    <row r="510" spans="1:4" x14ac:dyDescent="0.3">
      <c r="A510" t="s">
        <v>1011</v>
      </c>
      <c r="B510" t="s">
        <v>1012</v>
      </c>
      <c r="C510" s="1">
        <v>22418</v>
      </c>
      <c r="D510" t="s">
        <v>9</v>
      </c>
    </row>
    <row r="511" spans="1:4" x14ac:dyDescent="0.3">
      <c r="A511" t="s">
        <v>1013</v>
      </c>
      <c r="B511" t="s">
        <v>1014</v>
      </c>
      <c r="C511" s="1">
        <v>15263</v>
      </c>
      <c r="D511" t="s">
        <v>9</v>
      </c>
    </row>
    <row r="512" spans="1:4" x14ac:dyDescent="0.3">
      <c r="A512" t="s">
        <v>1015</v>
      </c>
      <c r="B512" t="s">
        <v>1016</v>
      </c>
      <c r="C512" s="1">
        <v>26133</v>
      </c>
      <c r="D512" t="s">
        <v>6</v>
      </c>
    </row>
    <row r="513" spans="1:4" x14ac:dyDescent="0.3">
      <c r="A513" t="s">
        <v>1017</v>
      </c>
      <c r="B513" t="s">
        <v>1018</v>
      </c>
      <c r="C513" s="1">
        <v>15411</v>
      </c>
      <c r="D513" t="s">
        <v>9</v>
      </c>
    </row>
    <row r="514" spans="1:4" x14ac:dyDescent="0.3">
      <c r="A514" t="s">
        <v>1019</v>
      </c>
      <c r="B514" t="s">
        <v>1020</v>
      </c>
      <c r="C514" s="1">
        <v>7878</v>
      </c>
      <c r="D514" t="s">
        <v>9</v>
      </c>
    </row>
    <row r="515" spans="1:4" x14ac:dyDescent="0.3">
      <c r="A515" t="s">
        <v>979</v>
      </c>
      <c r="B515" t="s">
        <v>1021</v>
      </c>
      <c r="C515" s="1">
        <v>32208</v>
      </c>
      <c r="D515" t="s">
        <v>9</v>
      </c>
    </row>
    <row r="516" spans="1:4" x14ac:dyDescent="0.3">
      <c r="A516" t="s">
        <v>1022</v>
      </c>
      <c r="B516" t="s">
        <v>1023</v>
      </c>
      <c r="C516" s="1">
        <v>30220</v>
      </c>
      <c r="D516" t="s">
        <v>9</v>
      </c>
    </row>
    <row r="517" spans="1:4" x14ac:dyDescent="0.3">
      <c r="A517" t="s">
        <v>1024</v>
      </c>
      <c r="B517" t="s">
        <v>1025</v>
      </c>
      <c r="C517" s="1">
        <v>18312</v>
      </c>
      <c r="D517" t="s">
        <v>9</v>
      </c>
    </row>
    <row r="518" spans="1:4" x14ac:dyDescent="0.3">
      <c r="A518" t="s">
        <v>1026</v>
      </c>
      <c r="B518" t="s">
        <v>1027</v>
      </c>
      <c r="C518" s="1">
        <v>32136</v>
      </c>
      <c r="D518" t="s">
        <v>9</v>
      </c>
    </row>
    <row r="519" spans="1:4" x14ac:dyDescent="0.3">
      <c r="A519" t="s">
        <v>1028</v>
      </c>
      <c r="B519" t="s">
        <v>1029</v>
      </c>
      <c r="C519" s="1">
        <v>30685</v>
      </c>
      <c r="D519" t="s">
        <v>9</v>
      </c>
    </row>
    <row r="520" spans="1:4" x14ac:dyDescent="0.3">
      <c r="A520" t="s">
        <v>1030</v>
      </c>
      <c r="B520" t="s">
        <v>1031</v>
      </c>
      <c r="C520" s="1">
        <v>15294</v>
      </c>
      <c r="D520" t="s">
        <v>9</v>
      </c>
    </row>
    <row r="521" spans="1:4" x14ac:dyDescent="0.3">
      <c r="A521" t="s">
        <v>7</v>
      </c>
      <c r="B521" t="s">
        <v>1032</v>
      </c>
      <c r="C521" s="1">
        <v>36034</v>
      </c>
      <c r="D521" t="s">
        <v>9</v>
      </c>
    </row>
    <row r="522" spans="1:4" x14ac:dyDescent="0.3">
      <c r="A522" t="s">
        <v>96</v>
      </c>
      <c r="B522" t="s">
        <v>1033</v>
      </c>
      <c r="C522" s="1">
        <v>27733</v>
      </c>
      <c r="D522" t="s">
        <v>9</v>
      </c>
    </row>
    <row r="523" spans="1:4" x14ac:dyDescent="0.3">
      <c r="A523" t="s">
        <v>1034</v>
      </c>
      <c r="B523" t="s">
        <v>1035</v>
      </c>
      <c r="C523" s="1">
        <v>19646</v>
      </c>
      <c r="D523" t="s">
        <v>9</v>
      </c>
    </row>
    <row r="524" spans="1:4" x14ac:dyDescent="0.3">
      <c r="A524" t="s">
        <v>989</v>
      </c>
      <c r="B524" t="s">
        <v>1036</v>
      </c>
      <c r="C524" s="1">
        <v>23566</v>
      </c>
      <c r="D524" t="s">
        <v>9</v>
      </c>
    </row>
    <row r="525" spans="1:4" x14ac:dyDescent="0.3">
      <c r="A525" t="s">
        <v>1037</v>
      </c>
      <c r="B525" t="s">
        <v>1038</v>
      </c>
      <c r="C525" s="1">
        <v>9790</v>
      </c>
      <c r="D525" t="s">
        <v>6</v>
      </c>
    </row>
    <row r="526" spans="1:4" x14ac:dyDescent="0.3">
      <c r="A526" t="s">
        <v>1039</v>
      </c>
      <c r="B526" t="s">
        <v>1040</v>
      </c>
      <c r="C526" s="1">
        <v>17991</v>
      </c>
      <c r="D526" t="s">
        <v>6</v>
      </c>
    </row>
    <row r="527" spans="1:4" x14ac:dyDescent="0.3">
      <c r="A527" t="s">
        <v>1041</v>
      </c>
      <c r="B527" t="s">
        <v>1042</v>
      </c>
      <c r="C527" s="1">
        <v>9845</v>
      </c>
      <c r="D527" t="s">
        <v>6</v>
      </c>
    </row>
    <row r="528" spans="1:4" x14ac:dyDescent="0.3">
      <c r="A528" t="s">
        <v>1043</v>
      </c>
      <c r="B528" t="s">
        <v>1044</v>
      </c>
      <c r="C528" s="1">
        <v>10479</v>
      </c>
      <c r="D528" t="s">
        <v>6</v>
      </c>
    </row>
    <row r="529" spans="1:4" x14ac:dyDescent="0.3">
      <c r="A529" t="s">
        <v>1045</v>
      </c>
      <c r="B529" t="s">
        <v>1046</v>
      </c>
      <c r="C529" s="1">
        <v>19875</v>
      </c>
      <c r="D529" t="s">
        <v>6</v>
      </c>
    </row>
    <row r="530" spans="1:4" x14ac:dyDescent="0.3">
      <c r="A530" t="s">
        <v>1047</v>
      </c>
      <c r="B530" t="s">
        <v>1048</v>
      </c>
      <c r="C530" s="1">
        <v>29382</v>
      </c>
      <c r="D530" t="s">
        <v>6</v>
      </c>
    </row>
    <row r="531" spans="1:4" x14ac:dyDescent="0.3">
      <c r="A531" t="s">
        <v>1049</v>
      </c>
      <c r="B531" t="s">
        <v>1050</v>
      </c>
      <c r="C531" s="1">
        <v>31464</v>
      </c>
      <c r="D531" t="s">
        <v>6</v>
      </c>
    </row>
    <row r="532" spans="1:4" x14ac:dyDescent="0.3">
      <c r="A532" t="s">
        <v>1051</v>
      </c>
      <c r="B532" t="s">
        <v>1052</v>
      </c>
      <c r="C532" s="1">
        <v>36307</v>
      </c>
      <c r="D532" t="s">
        <v>6</v>
      </c>
    </row>
    <row r="533" spans="1:4" x14ac:dyDescent="0.3">
      <c r="A533" t="s">
        <v>1053</v>
      </c>
      <c r="B533" t="s">
        <v>1054</v>
      </c>
      <c r="C533" s="1">
        <v>8353</v>
      </c>
      <c r="D533" t="s">
        <v>9</v>
      </c>
    </row>
    <row r="534" spans="1:4" x14ac:dyDescent="0.3">
      <c r="A534" t="s">
        <v>1055</v>
      </c>
      <c r="B534" t="s">
        <v>1056</v>
      </c>
      <c r="C534" s="1">
        <v>28179</v>
      </c>
      <c r="D534" t="s">
        <v>9</v>
      </c>
    </row>
    <row r="535" spans="1:4" x14ac:dyDescent="0.3">
      <c r="A535" t="s">
        <v>975</v>
      </c>
      <c r="B535" t="s">
        <v>1057</v>
      </c>
      <c r="C535" s="1">
        <v>35131</v>
      </c>
      <c r="D535" t="s">
        <v>9</v>
      </c>
    </row>
    <row r="536" spans="1:4" x14ac:dyDescent="0.3">
      <c r="A536" t="s">
        <v>1058</v>
      </c>
      <c r="B536" t="s">
        <v>1059</v>
      </c>
      <c r="C536" s="1">
        <v>33550</v>
      </c>
      <c r="D536" t="s">
        <v>9</v>
      </c>
    </row>
    <row r="537" spans="1:4" x14ac:dyDescent="0.3">
      <c r="A537" t="s">
        <v>1060</v>
      </c>
      <c r="B537" t="s">
        <v>1061</v>
      </c>
      <c r="C537" s="1">
        <v>22700</v>
      </c>
      <c r="D537" t="s">
        <v>6</v>
      </c>
    </row>
    <row r="538" spans="1:4" x14ac:dyDescent="0.3">
      <c r="A538" t="s">
        <v>1062</v>
      </c>
      <c r="B538" t="s">
        <v>1063</v>
      </c>
      <c r="C538" s="1">
        <v>17657</v>
      </c>
      <c r="D538" t="s">
        <v>6</v>
      </c>
    </row>
    <row r="539" spans="1:4" x14ac:dyDescent="0.3">
      <c r="A539" t="s">
        <v>1064</v>
      </c>
      <c r="B539" t="s">
        <v>1065</v>
      </c>
      <c r="C539" s="1">
        <v>11394</v>
      </c>
      <c r="D539" t="s">
        <v>6</v>
      </c>
    </row>
    <row r="540" spans="1:4" x14ac:dyDescent="0.3">
      <c r="A540" t="s">
        <v>1066</v>
      </c>
      <c r="B540" t="s">
        <v>1067</v>
      </c>
      <c r="C540" s="1">
        <v>8763</v>
      </c>
      <c r="D540" t="s">
        <v>9</v>
      </c>
    </row>
    <row r="541" spans="1:4" x14ac:dyDescent="0.3">
      <c r="A541" t="s">
        <v>1068</v>
      </c>
      <c r="B541" t="s">
        <v>1069</v>
      </c>
      <c r="C541" s="1">
        <v>15984</v>
      </c>
      <c r="D541" t="s">
        <v>9</v>
      </c>
    </row>
    <row r="542" spans="1:4" x14ac:dyDescent="0.3">
      <c r="A542" t="s">
        <v>1070</v>
      </c>
      <c r="B542" t="s">
        <v>1071</v>
      </c>
      <c r="C542" s="1">
        <v>12726</v>
      </c>
      <c r="D542" t="s">
        <v>6</v>
      </c>
    </row>
    <row r="543" spans="1:4" x14ac:dyDescent="0.3">
      <c r="A543" t="s">
        <v>221</v>
      </c>
      <c r="B543" t="s">
        <v>1072</v>
      </c>
      <c r="C543" s="1">
        <v>35061</v>
      </c>
      <c r="D543" t="s">
        <v>6</v>
      </c>
    </row>
    <row r="544" spans="1:4" x14ac:dyDescent="0.3">
      <c r="A544" t="s">
        <v>1073</v>
      </c>
      <c r="B544" t="s">
        <v>1074</v>
      </c>
      <c r="C544" s="1">
        <v>17262</v>
      </c>
      <c r="D544" t="s">
        <v>9</v>
      </c>
    </row>
    <row r="545" spans="1:4" x14ac:dyDescent="0.3">
      <c r="A545" t="s">
        <v>1075</v>
      </c>
      <c r="B545" t="s">
        <v>1076</v>
      </c>
      <c r="C545" s="1">
        <v>29316</v>
      </c>
      <c r="D545" t="s">
        <v>9</v>
      </c>
    </row>
    <row r="546" spans="1:4" x14ac:dyDescent="0.3">
      <c r="A546" t="s">
        <v>1077</v>
      </c>
      <c r="B546" t="s">
        <v>1078</v>
      </c>
      <c r="C546" s="1">
        <v>13615</v>
      </c>
      <c r="D546" t="s">
        <v>9</v>
      </c>
    </row>
    <row r="547" spans="1:4" x14ac:dyDescent="0.3">
      <c r="A547" t="s">
        <v>1079</v>
      </c>
      <c r="B547" t="s">
        <v>1080</v>
      </c>
      <c r="C547" s="1">
        <v>33831</v>
      </c>
      <c r="D547" t="s">
        <v>6</v>
      </c>
    </row>
    <row r="548" spans="1:4" x14ac:dyDescent="0.3">
      <c r="A548" t="s">
        <v>541</v>
      </c>
      <c r="B548" t="s">
        <v>1081</v>
      </c>
      <c r="C548" s="1">
        <v>17683</v>
      </c>
      <c r="D548" t="s">
        <v>9</v>
      </c>
    </row>
    <row r="549" spans="1:4" x14ac:dyDescent="0.3">
      <c r="A549" t="s">
        <v>1082</v>
      </c>
      <c r="B549" t="s">
        <v>1083</v>
      </c>
      <c r="C549" s="1">
        <v>33733</v>
      </c>
      <c r="D549" t="s">
        <v>6</v>
      </c>
    </row>
    <row r="550" spans="1:4" x14ac:dyDescent="0.3">
      <c r="A550" t="s">
        <v>1084</v>
      </c>
      <c r="B550" t="s">
        <v>1085</v>
      </c>
      <c r="C550" s="1">
        <v>20721</v>
      </c>
      <c r="D550" t="s">
        <v>6</v>
      </c>
    </row>
    <row r="551" spans="1:4" x14ac:dyDescent="0.3">
      <c r="A551" t="s">
        <v>1086</v>
      </c>
      <c r="B551" t="s">
        <v>1087</v>
      </c>
      <c r="C551" s="1">
        <v>12624</v>
      </c>
      <c r="D551" t="s">
        <v>6</v>
      </c>
    </row>
    <row r="552" spans="1:4" x14ac:dyDescent="0.3">
      <c r="A552" t="s">
        <v>1088</v>
      </c>
      <c r="B552" t="s">
        <v>1089</v>
      </c>
      <c r="C552" s="1">
        <v>34478</v>
      </c>
      <c r="D552" t="s">
        <v>6</v>
      </c>
    </row>
    <row r="553" spans="1:4" x14ac:dyDescent="0.3">
      <c r="A553" t="s">
        <v>1090</v>
      </c>
      <c r="B553" t="s">
        <v>1091</v>
      </c>
      <c r="C553" s="1">
        <v>27978</v>
      </c>
      <c r="D553" t="s">
        <v>9</v>
      </c>
    </row>
    <row r="554" spans="1:4" x14ac:dyDescent="0.3">
      <c r="A554" t="s">
        <v>1092</v>
      </c>
      <c r="B554" t="s">
        <v>1093</v>
      </c>
      <c r="C554" s="1">
        <v>25379</v>
      </c>
      <c r="D554" t="s">
        <v>9</v>
      </c>
    </row>
    <row r="555" spans="1:4" x14ac:dyDescent="0.3">
      <c r="A555" t="s">
        <v>1094</v>
      </c>
      <c r="B555" t="s">
        <v>1095</v>
      </c>
      <c r="C555" s="1">
        <v>9311</v>
      </c>
      <c r="D555" t="s">
        <v>9</v>
      </c>
    </row>
    <row r="556" spans="1:4" x14ac:dyDescent="0.3">
      <c r="A556" t="s">
        <v>1096</v>
      </c>
      <c r="B556" t="s">
        <v>1097</v>
      </c>
      <c r="C556" s="1">
        <v>12138</v>
      </c>
      <c r="D556" t="s">
        <v>6</v>
      </c>
    </row>
    <row r="557" spans="1:4" x14ac:dyDescent="0.3">
      <c r="A557" t="s">
        <v>1098</v>
      </c>
      <c r="B557" t="s">
        <v>1099</v>
      </c>
      <c r="C557" s="1">
        <v>19641</v>
      </c>
      <c r="D557" t="s">
        <v>9</v>
      </c>
    </row>
    <row r="558" spans="1:4" x14ac:dyDescent="0.3">
      <c r="A558" t="s">
        <v>1100</v>
      </c>
      <c r="B558" t="s">
        <v>1101</v>
      </c>
      <c r="C558" s="1">
        <v>26790</v>
      </c>
      <c r="D558" t="s">
        <v>9</v>
      </c>
    </row>
    <row r="559" spans="1:4" x14ac:dyDescent="0.3">
      <c r="A559" t="s">
        <v>1102</v>
      </c>
      <c r="B559" t="s">
        <v>1103</v>
      </c>
      <c r="C559" s="1">
        <v>13384</v>
      </c>
      <c r="D559" t="s">
        <v>6</v>
      </c>
    </row>
    <row r="560" spans="1:4" x14ac:dyDescent="0.3">
      <c r="A560" t="s">
        <v>1104</v>
      </c>
      <c r="B560" t="s">
        <v>1105</v>
      </c>
      <c r="C560" s="1">
        <v>7458</v>
      </c>
      <c r="D560" t="s">
        <v>9</v>
      </c>
    </row>
    <row r="561" spans="1:4" x14ac:dyDescent="0.3">
      <c r="A561" t="s">
        <v>1106</v>
      </c>
      <c r="B561" t="s">
        <v>1107</v>
      </c>
      <c r="C561" s="1">
        <v>26519</v>
      </c>
      <c r="D561" t="s">
        <v>6</v>
      </c>
    </row>
    <row r="562" spans="1:4" x14ac:dyDescent="0.3">
      <c r="A562" t="s">
        <v>1108</v>
      </c>
      <c r="B562" t="s">
        <v>1109</v>
      </c>
      <c r="C562" s="1">
        <v>20429</v>
      </c>
      <c r="D562" t="s">
        <v>9</v>
      </c>
    </row>
    <row r="563" spans="1:4" x14ac:dyDescent="0.3">
      <c r="A563" t="s">
        <v>1110</v>
      </c>
      <c r="B563" t="s">
        <v>1111</v>
      </c>
      <c r="C563" s="1">
        <v>14146</v>
      </c>
      <c r="D563" t="s">
        <v>6</v>
      </c>
    </row>
    <row r="564" spans="1:4" x14ac:dyDescent="0.3">
      <c r="A564" t="s">
        <v>1112</v>
      </c>
      <c r="B564" t="s">
        <v>1113</v>
      </c>
      <c r="C564" s="1">
        <v>23434</v>
      </c>
      <c r="D564" t="s">
        <v>6</v>
      </c>
    </row>
    <row r="565" spans="1:4" x14ac:dyDescent="0.3">
      <c r="A565" t="s">
        <v>1114</v>
      </c>
      <c r="B565" t="s">
        <v>1115</v>
      </c>
      <c r="C565" s="1">
        <v>9528</v>
      </c>
      <c r="D565" t="s">
        <v>6</v>
      </c>
    </row>
    <row r="566" spans="1:4" x14ac:dyDescent="0.3">
      <c r="A566" t="s">
        <v>1116</v>
      </c>
      <c r="B566" t="s">
        <v>1117</v>
      </c>
      <c r="C566" s="1">
        <v>9990</v>
      </c>
      <c r="D566" t="s">
        <v>9</v>
      </c>
    </row>
    <row r="567" spans="1:4" x14ac:dyDescent="0.3">
      <c r="A567" t="s">
        <v>1118</v>
      </c>
      <c r="B567" t="s">
        <v>1119</v>
      </c>
      <c r="C567" s="1">
        <v>10283</v>
      </c>
      <c r="D567" t="s">
        <v>6</v>
      </c>
    </row>
    <row r="568" spans="1:4" x14ac:dyDescent="0.3">
      <c r="A568" t="s">
        <v>1120</v>
      </c>
      <c r="B568" t="s">
        <v>1121</v>
      </c>
      <c r="C568" s="1">
        <v>21743</v>
      </c>
      <c r="D568" t="s">
        <v>6</v>
      </c>
    </row>
    <row r="569" spans="1:4" x14ac:dyDescent="0.3">
      <c r="A569" t="s">
        <v>1122</v>
      </c>
      <c r="B569" t="s">
        <v>1123</v>
      </c>
      <c r="C569" s="1">
        <v>30220</v>
      </c>
      <c r="D569" t="s">
        <v>9</v>
      </c>
    </row>
    <row r="570" spans="1:4" x14ac:dyDescent="0.3">
      <c r="A570" t="s">
        <v>1124</v>
      </c>
      <c r="B570" t="s">
        <v>1125</v>
      </c>
      <c r="C570" s="1">
        <v>35888</v>
      </c>
      <c r="D570" t="s">
        <v>9</v>
      </c>
    </row>
    <row r="571" spans="1:4" x14ac:dyDescent="0.3">
      <c r="A571" t="s">
        <v>1126</v>
      </c>
      <c r="B571" t="s">
        <v>1127</v>
      </c>
      <c r="C571" s="1">
        <v>15479</v>
      </c>
      <c r="D571" t="s">
        <v>6</v>
      </c>
    </row>
    <row r="572" spans="1:4" x14ac:dyDescent="0.3">
      <c r="A572" t="s">
        <v>1128</v>
      </c>
      <c r="B572" t="s">
        <v>1129</v>
      </c>
      <c r="C572" s="1">
        <v>8754</v>
      </c>
      <c r="D572" t="s">
        <v>6</v>
      </c>
    </row>
    <row r="573" spans="1:4" x14ac:dyDescent="0.3">
      <c r="A573" t="s">
        <v>1130</v>
      </c>
      <c r="B573" t="s">
        <v>1131</v>
      </c>
      <c r="C573" s="1">
        <v>20568</v>
      </c>
      <c r="D573" t="s">
        <v>9</v>
      </c>
    </row>
    <row r="574" spans="1:4" x14ac:dyDescent="0.3">
      <c r="A574" t="s">
        <v>1132</v>
      </c>
      <c r="B574" t="s">
        <v>1133</v>
      </c>
      <c r="C574" s="1">
        <v>31678</v>
      </c>
      <c r="D574" t="s">
        <v>6</v>
      </c>
    </row>
    <row r="575" spans="1:4" x14ac:dyDescent="0.3">
      <c r="A575" t="s">
        <v>1134</v>
      </c>
      <c r="B575" t="s">
        <v>1135</v>
      </c>
      <c r="C575" s="1">
        <v>22723</v>
      </c>
      <c r="D575" t="s">
        <v>6</v>
      </c>
    </row>
    <row r="576" spans="1:4" x14ac:dyDescent="0.3">
      <c r="A576" t="s">
        <v>1136</v>
      </c>
      <c r="B576" t="s">
        <v>1137</v>
      </c>
      <c r="C576" s="1">
        <v>12323</v>
      </c>
      <c r="D576" t="s">
        <v>6</v>
      </c>
    </row>
    <row r="577" spans="1:4" x14ac:dyDescent="0.3">
      <c r="A577" t="s">
        <v>1138</v>
      </c>
      <c r="B577" t="s">
        <v>1139</v>
      </c>
      <c r="C577" s="1">
        <v>23850</v>
      </c>
      <c r="D577" t="s">
        <v>6</v>
      </c>
    </row>
    <row r="578" spans="1:4" x14ac:dyDescent="0.3">
      <c r="A578" t="s">
        <v>1140</v>
      </c>
      <c r="B578" t="s">
        <v>1141</v>
      </c>
      <c r="C578" s="1">
        <v>27338</v>
      </c>
      <c r="D578" t="s">
        <v>9</v>
      </c>
    </row>
    <row r="579" spans="1:4" x14ac:dyDescent="0.3">
      <c r="A579" t="s">
        <v>1142</v>
      </c>
      <c r="B579" t="s">
        <v>1143</v>
      </c>
      <c r="C579" s="1">
        <v>10609</v>
      </c>
      <c r="D579" t="s">
        <v>6</v>
      </c>
    </row>
    <row r="580" spans="1:4" x14ac:dyDescent="0.3">
      <c r="A580" t="s">
        <v>1144</v>
      </c>
      <c r="B580" t="s">
        <v>1145</v>
      </c>
      <c r="C580" s="1">
        <v>23990</v>
      </c>
      <c r="D580" t="s">
        <v>6</v>
      </c>
    </row>
    <row r="581" spans="1:4" x14ac:dyDescent="0.3">
      <c r="A581" t="s">
        <v>1146</v>
      </c>
      <c r="B581" t="s">
        <v>1147</v>
      </c>
      <c r="C581" s="1">
        <v>26428</v>
      </c>
      <c r="D581" t="s">
        <v>9</v>
      </c>
    </row>
    <row r="582" spans="1:4" x14ac:dyDescent="0.3">
      <c r="A582" t="s">
        <v>1148</v>
      </c>
      <c r="B582" t="s">
        <v>1149</v>
      </c>
      <c r="C582" s="1">
        <v>7731</v>
      </c>
      <c r="D582" t="s">
        <v>9</v>
      </c>
    </row>
    <row r="583" spans="1:4" x14ac:dyDescent="0.3">
      <c r="A583" t="s">
        <v>1150</v>
      </c>
      <c r="B583" t="s">
        <v>1151</v>
      </c>
      <c r="C583" s="1">
        <v>29330</v>
      </c>
      <c r="D583" t="s">
        <v>6</v>
      </c>
    </row>
    <row r="584" spans="1:4" x14ac:dyDescent="0.3">
      <c r="A584" t="s">
        <v>856</v>
      </c>
      <c r="B584" t="s">
        <v>1152</v>
      </c>
      <c r="C584" s="1">
        <v>24569</v>
      </c>
      <c r="D584" t="s">
        <v>6</v>
      </c>
    </row>
    <row r="585" spans="1:4" x14ac:dyDescent="0.3">
      <c r="A585" t="s">
        <v>1153</v>
      </c>
      <c r="B585" t="s">
        <v>1154</v>
      </c>
      <c r="C585" s="1">
        <v>23964</v>
      </c>
      <c r="D585" t="s">
        <v>6</v>
      </c>
    </row>
    <row r="586" spans="1:4" x14ac:dyDescent="0.3">
      <c r="A586" t="s">
        <v>1155</v>
      </c>
      <c r="B586" t="s">
        <v>1156</v>
      </c>
      <c r="C586" s="1">
        <v>17291</v>
      </c>
      <c r="D586" t="s">
        <v>6</v>
      </c>
    </row>
    <row r="587" spans="1:4" x14ac:dyDescent="0.3">
      <c r="A587" t="s">
        <v>1157</v>
      </c>
      <c r="B587" t="s">
        <v>1158</v>
      </c>
      <c r="C587" s="1">
        <v>17358</v>
      </c>
      <c r="D587" t="s">
        <v>9</v>
      </c>
    </row>
    <row r="588" spans="1:4" x14ac:dyDescent="0.3">
      <c r="A588" t="s">
        <v>1159</v>
      </c>
      <c r="B588" t="s">
        <v>1160</v>
      </c>
      <c r="C588" s="1">
        <v>36246</v>
      </c>
      <c r="D588" t="s">
        <v>6</v>
      </c>
    </row>
    <row r="589" spans="1:4" x14ac:dyDescent="0.3">
      <c r="A589" t="s">
        <v>1161</v>
      </c>
      <c r="B589" t="s">
        <v>1162</v>
      </c>
      <c r="C589" s="1">
        <v>22630</v>
      </c>
      <c r="D589" t="s">
        <v>6</v>
      </c>
    </row>
    <row r="590" spans="1:4" x14ac:dyDescent="0.3">
      <c r="A590" t="s">
        <v>1163</v>
      </c>
      <c r="B590" t="s">
        <v>1164</v>
      </c>
      <c r="C590" s="1">
        <v>33365</v>
      </c>
      <c r="D590" t="s">
        <v>9</v>
      </c>
    </row>
    <row r="591" spans="1:4" x14ac:dyDescent="0.3">
      <c r="A591" t="s">
        <v>1165</v>
      </c>
      <c r="B591" t="s">
        <v>1166</v>
      </c>
      <c r="C591" s="1">
        <v>31342</v>
      </c>
      <c r="D591" t="s">
        <v>6</v>
      </c>
    </row>
    <row r="592" spans="1:4" x14ac:dyDescent="0.3">
      <c r="A592" t="s">
        <v>1167</v>
      </c>
      <c r="B592" t="s">
        <v>1168</v>
      </c>
      <c r="C592" s="1">
        <v>20339</v>
      </c>
      <c r="D592" t="s">
        <v>6</v>
      </c>
    </row>
    <row r="593" spans="1:4" x14ac:dyDescent="0.3">
      <c r="A593" t="s">
        <v>50</v>
      </c>
      <c r="B593" t="s">
        <v>1169</v>
      </c>
      <c r="C593" s="1">
        <v>34586</v>
      </c>
      <c r="D593" t="s">
        <v>9</v>
      </c>
    </row>
    <row r="594" spans="1:4" x14ac:dyDescent="0.3">
      <c r="A594" t="s">
        <v>1170</v>
      </c>
      <c r="B594" t="s">
        <v>1171</v>
      </c>
      <c r="C594" s="1">
        <v>16398</v>
      </c>
      <c r="D594" t="s">
        <v>6</v>
      </c>
    </row>
    <row r="595" spans="1:4" x14ac:dyDescent="0.3">
      <c r="A595" t="s">
        <v>297</v>
      </c>
      <c r="B595" t="s">
        <v>1172</v>
      </c>
      <c r="C595" s="1">
        <v>18230</v>
      </c>
      <c r="D595" t="s">
        <v>9</v>
      </c>
    </row>
    <row r="596" spans="1:4" x14ac:dyDescent="0.3">
      <c r="A596" t="s">
        <v>1173</v>
      </c>
      <c r="B596" t="s">
        <v>1174</v>
      </c>
      <c r="C596" s="1">
        <v>8957</v>
      </c>
      <c r="D596" t="s">
        <v>9</v>
      </c>
    </row>
    <row r="597" spans="1:4" x14ac:dyDescent="0.3">
      <c r="A597" t="s">
        <v>1175</v>
      </c>
      <c r="B597" t="s">
        <v>1176</v>
      </c>
      <c r="C597" s="1">
        <v>10118</v>
      </c>
      <c r="D597" t="s">
        <v>6</v>
      </c>
    </row>
    <row r="598" spans="1:4" x14ac:dyDescent="0.3">
      <c r="A598" t="s">
        <v>1177</v>
      </c>
      <c r="B598" t="s">
        <v>1178</v>
      </c>
      <c r="C598" s="1">
        <v>19109</v>
      </c>
      <c r="D598" t="s">
        <v>6</v>
      </c>
    </row>
    <row r="599" spans="1:4" x14ac:dyDescent="0.3">
      <c r="A599" t="s">
        <v>1179</v>
      </c>
      <c r="B599" t="s">
        <v>1180</v>
      </c>
      <c r="C599" s="1">
        <v>28335</v>
      </c>
      <c r="D599" t="s">
        <v>6</v>
      </c>
    </row>
    <row r="600" spans="1:4" x14ac:dyDescent="0.3">
      <c r="A600" t="s">
        <v>1181</v>
      </c>
      <c r="B600" t="s">
        <v>1182</v>
      </c>
      <c r="C600" s="1">
        <v>20332</v>
      </c>
      <c r="D600" t="s">
        <v>9</v>
      </c>
    </row>
    <row r="601" spans="1:4" x14ac:dyDescent="0.3">
      <c r="A601" t="s">
        <v>1183</v>
      </c>
      <c r="B601" t="s">
        <v>1184</v>
      </c>
      <c r="C601" s="1">
        <v>10782</v>
      </c>
      <c r="D601" t="s">
        <v>6</v>
      </c>
    </row>
    <row r="602" spans="1:4" x14ac:dyDescent="0.3">
      <c r="A602" t="s">
        <v>1185</v>
      </c>
      <c r="B602" t="s">
        <v>1186</v>
      </c>
      <c r="C602" s="1">
        <v>23072</v>
      </c>
      <c r="D602" t="s">
        <v>6</v>
      </c>
    </row>
    <row r="603" spans="1:4" x14ac:dyDescent="0.3">
      <c r="A603" t="s">
        <v>1187</v>
      </c>
      <c r="B603" t="s">
        <v>1188</v>
      </c>
      <c r="C603" s="1">
        <v>31790</v>
      </c>
      <c r="D603" t="s">
        <v>9</v>
      </c>
    </row>
    <row r="604" spans="1:4" x14ac:dyDescent="0.3">
      <c r="A604" t="s">
        <v>1189</v>
      </c>
      <c r="B604" t="s">
        <v>1190</v>
      </c>
      <c r="C604" s="1">
        <v>29815</v>
      </c>
      <c r="D604" t="s">
        <v>6</v>
      </c>
    </row>
    <row r="605" spans="1:4" x14ac:dyDescent="0.3">
      <c r="A605" t="s">
        <v>1191</v>
      </c>
      <c r="B605" t="s">
        <v>1192</v>
      </c>
      <c r="C605" s="1">
        <v>11544</v>
      </c>
      <c r="D605" t="s">
        <v>9</v>
      </c>
    </row>
    <row r="606" spans="1:4" x14ac:dyDescent="0.3">
      <c r="A606" t="s">
        <v>1193</v>
      </c>
      <c r="B606" t="s">
        <v>1194</v>
      </c>
      <c r="C606" s="1">
        <v>8636</v>
      </c>
      <c r="D606" t="s">
        <v>9</v>
      </c>
    </row>
    <row r="607" spans="1:4" x14ac:dyDescent="0.3">
      <c r="A607" t="s">
        <v>1195</v>
      </c>
      <c r="B607" t="s">
        <v>1196</v>
      </c>
      <c r="C607" s="1">
        <v>32365</v>
      </c>
      <c r="D607" t="s">
        <v>9</v>
      </c>
    </row>
    <row r="608" spans="1:4" x14ac:dyDescent="0.3">
      <c r="A608" t="s">
        <v>1197</v>
      </c>
      <c r="B608" t="s">
        <v>1198</v>
      </c>
      <c r="C608" s="1">
        <v>29327</v>
      </c>
      <c r="D608" t="s">
        <v>6</v>
      </c>
    </row>
    <row r="609" spans="1:4" x14ac:dyDescent="0.3">
      <c r="A609" t="s">
        <v>1199</v>
      </c>
      <c r="B609" t="s">
        <v>1200</v>
      </c>
      <c r="C609" s="1">
        <v>8429</v>
      </c>
      <c r="D609" t="s">
        <v>9</v>
      </c>
    </row>
    <row r="610" spans="1:4" x14ac:dyDescent="0.3">
      <c r="A610" t="s">
        <v>1201</v>
      </c>
      <c r="B610" t="s">
        <v>1202</v>
      </c>
      <c r="C610" s="1">
        <v>15406</v>
      </c>
      <c r="D610" t="s">
        <v>9</v>
      </c>
    </row>
    <row r="611" spans="1:4" x14ac:dyDescent="0.3">
      <c r="A611" t="s">
        <v>1203</v>
      </c>
      <c r="B611" t="s">
        <v>1204</v>
      </c>
      <c r="C611" s="1">
        <v>7645</v>
      </c>
      <c r="D611" t="s">
        <v>6</v>
      </c>
    </row>
    <row r="612" spans="1:4" x14ac:dyDescent="0.3">
      <c r="A612" t="s">
        <v>1205</v>
      </c>
      <c r="B612" t="s">
        <v>1206</v>
      </c>
      <c r="C612" s="1">
        <v>10182</v>
      </c>
      <c r="D612" t="s">
        <v>9</v>
      </c>
    </row>
    <row r="613" spans="1:4" x14ac:dyDescent="0.3">
      <c r="A613" t="s">
        <v>1207</v>
      </c>
      <c r="B613" t="s">
        <v>1208</v>
      </c>
      <c r="C613" s="1">
        <v>8797</v>
      </c>
      <c r="D613" t="s">
        <v>6</v>
      </c>
    </row>
    <row r="614" spans="1:4" x14ac:dyDescent="0.3">
      <c r="A614" t="s">
        <v>1209</v>
      </c>
      <c r="B614" t="s">
        <v>1210</v>
      </c>
      <c r="C614" s="1">
        <v>15544</v>
      </c>
      <c r="D614" t="s">
        <v>9</v>
      </c>
    </row>
    <row r="615" spans="1:4" x14ac:dyDescent="0.3">
      <c r="A615" t="s">
        <v>1211</v>
      </c>
      <c r="B615" t="s">
        <v>1212</v>
      </c>
      <c r="C615" s="1">
        <v>11495</v>
      </c>
      <c r="D615" t="s">
        <v>9</v>
      </c>
    </row>
    <row r="616" spans="1:4" x14ac:dyDescent="0.3">
      <c r="A616" t="s">
        <v>1213</v>
      </c>
      <c r="B616" t="s">
        <v>1214</v>
      </c>
      <c r="C616" s="1">
        <v>16789</v>
      </c>
      <c r="D616" t="s">
        <v>6</v>
      </c>
    </row>
    <row r="617" spans="1:4" x14ac:dyDescent="0.3">
      <c r="A617" t="s">
        <v>1215</v>
      </c>
      <c r="B617" t="s">
        <v>1216</v>
      </c>
      <c r="C617" s="1">
        <v>8821</v>
      </c>
      <c r="D617" t="s">
        <v>6</v>
      </c>
    </row>
    <row r="618" spans="1:4" x14ac:dyDescent="0.3">
      <c r="A618" t="s">
        <v>1217</v>
      </c>
      <c r="B618" t="s">
        <v>1218</v>
      </c>
      <c r="C618" s="1">
        <v>35126</v>
      </c>
      <c r="D618" t="s">
        <v>9</v>
      </c>
    </row>
    <row r="619" spans="1:4" x14ac:dyDescent="0.3">
      <c r="A619" t="s">
        <v>1219</v>
      </c>
      <c r="B619" t="s">
        <v>1220</v>
      </c>
      <c r="C619" s="1">
        <v>11986</v>
      </c>
      <c r="D619" t="s">
        <v>9</v>
      </c>
    </row>
    <row r="620" spans="1:4" x14ac:dyDescent="0.3">
      <c r="A620" t="s">
        <v>1221</v>
      </c>
      <c r="B620" t="s">
        <v>1222</v>
      </c>
      <c r="C620" s="1">
        <v>21856</v>
      </c>
      <c r="D620" t="s">
        <v>6</v>
      </c>
    </row>
    <row r="621" spans="1:4" x14ac:dyDescent="0.3">
      <c r="A621" t="s">
        <v>1223</v>
      </c>
      <c r="B621" t="s">
        <v>1224</v>
      </c>
      <c r="C621" s="1">
        <v>33373</v>
      </c>
      <c r="D621" t="s">
        <v>6</v>
      </c>
    </row>
    <row r="622" spans="1:4" x14ac:dyDescent="0.3">
      <c r="A622" t="s">
        <v>1225</v>
      </c>
      <c r="B622" t="s">
        <v>1226</v>
      </c>
      <c r="C622" s="1">
        <v>36438</v>
      </c>
      <c r="D622" t="s">
        <v>9</v>
      </c>
    </row>
    <row r="623" spans="1:4" x14ac:dyDescent="0.3">
      <c r="A623" t="s">
        <v>1227</v>
      </c>
      <c r="B623" t="s">
        <v>1228</v>
      </c>
      <c r="C623" s="1">
        <v>12077</v>
      </c>
      <c r="D623" t="s">
        <v>6</v>
      </c>
    </row>
    <row r="624" spans="1:4" x14ac:dyDescent="0.3">
      <c r="A624" t="s">
        <v>1229</v>
      </c>
      <c r="B624" t="s">
        <v>1230</v>
      </c>
      <c r="C624" s="1">
        <v>10728</v>
      </c>
      <c r="D624" t="s">
        <v>9</v>
      </c>
    </row>
    <row r="625" spans="1:4" x14ac:dyDescent="0.3">
      <c r="A625" t="s">
        <v>1231</v>
      </c>
      <c r="B625" t="s">
        <v>1232</v>
      </c>
      <c r="C625" s="1">
        <v>31577</v>
      </c>
      <c r="D625" t="s">
        <v>6</v>
      </c>
    </row>
    <row r="626" spans="1:4" x14ac:dyDescent="0.3">
      <c r="A626" t="s">
        <v>1233</v>
      </c>
      <c r="B626" t="s">
        <v>1234</v>
      </c>
      <c r="C626" s="1">
        <v>13058</v>
      </c>
      <c r="D626" t="s">
        <v>6</v>
      </c>
    </row>
    <row r="627" spans="1:4" x14ac:dyDescent="0.3">
      <c r="A627" t="s">
        <v>1235</v>
      </c>
      <c r="B627" t="s">
        <v>1236</v>
      </c>
      <c r="C627" s="1">
        <v>18143</v>
      </c>
      <c r="D627" t="s">
        <v>9</v>
      </c>
    </row>
    <row r="628" spans="1:4" x14ac:dyDescent="0.3">
      <c r="A628" t="s">
        <v>1237</v>
      </c>
      <c r="B628" t="s">
        <v>1238</v>
      </c>
      <c r="C628" s="1">
        <v>15922</v>
      </c>
      <c r="D628" t="s">
        <v>9</v>
      </c>
    </row>
    <row r="629" spans="1:4" x14ac:dyDescent="0.3">
      <c r="A629" t="s">
        <v>1043</v>
      </c>
      <c r="B629" t="s">
        <v>1239</v>
      </c>
      <c r="C629" s="1">
        <v>21803</v>
      </c>
      <c r="D629" t="s">
        <v>6</v>
      </c>
    </row>
    <row r="630" spans="1:4" x14ac:dyDescent="0.3">
      <c r="A630" t="s">
        <v>1240</v>
      </c>
      <c r="B630" t="s">
        <v>1241</v>
      </c>
      <c r="C630" s="1">
        <v>28033</v>
      </c>
      <c r="D630" t="s">
        <v>6</v>
      </c>
    </row>
    <row r="631" spans="1:4" x14ac:dyDescent="0.3">
      <c r="A631" t="s">
        <v>1242</v>
      </c>
      <c r="B631" t="s">
        <v>1243</v>
      </c>
      <c r="C631" s="1">
        <v>27409</v>
      </c>
      <c r="D631" t="s">
        <v>6</v>
      </c>
    </row>
    <row r="632" spans="1:4" x14ac:dyDescent="0.3">
      <c r="A632" t="s">
        <v>734</v>
      </c>
      <c r="B632" t="s">
        <v>1244</v>
      </c>
      <c r="C632" s="1">
        <v>31133</v>
      </c>
      <c r="D632" t="s">
        <v>6</v>
      </c>
    </row>
    <row r="633" spans="1:4" x14ac:dyDescent="0.3">
      <c r="A633" t="s">
        <v>1245</v>
      </c>
      <c r="B633" t="s">
        <v>1246</v>
      </c>
      <c r="C633" s="1">
        <v>17383</v>
      </c>
      <c r="D633" t="s">
        <v>6</v>
      </c>
    </row>
    <row r="634" spans="1:4" x14ac:dyDescent="0.3">
      <c r="A634" t="s">
        <v>1247</v>
      </c>
      <c r="B634" t="s">
        <v>1248</v>
      </c>
      <c r="C634" s="1">
        <v>8150</v>
      </c>
      <c r="D634" t="s">
        <v>6</v>
      </c>
    </row>
    <row r="635" spans="1:4" x14ac:dyDescent="0.3">
      <c r="A635" t="s">
        <v>265</v>
      </c>
      <c r="B635" t="s">
        <v>1249</v>
      </c>
      <c r="C635" s="1">
        <v>17972</v>
      </c>
      <c r="D635" t="s">
        <v>6</v>
      </c>
    </row>
    <row r="636" spans="1:4" x14ac:dyDescent="0.3">
      <c r="A636" t="s">
        <v>1250</v>
      </c>
      <c r="B636" t="s">
        <v>1251</v>
      </c>
      <c r="C636" s="1">
        <v>33103</v>
      </c>
      <c r="D636" t="s">
        <v>6</v>
      </c>
    </row>
    <row r="637" spans="1:4" x14ac:dyDescent="0.3">
      <c r="A637" t="s">
        <v>1252</v>
      </c>
      <c r="B637" t="s">
        <v>1253</v>
      </c>
      <c r="C637" s="1">
        <v>15798</v>
      </c>
      <c r="D637" t="s">
        <v>6</v>
      </c>
    </row>
    <row r="638" spans="1:4" x14ac:dyDescent="0.3">
      <c r="A638" t="s">
        <v>1254</v>
      </c>
      <c r="B638" t="s">
        <v>1255</v>
      </c>
      <c r="C638" s="1">
        <v>25458</v>
      </c>
      <c r="D638" t="s">
        <v>9</v>
      </c>
    </row>
    <row r="639" spans="1:4" x14ac:dyDescent="0.3">
      <c r="A639" t="s">
        <v>1256</v>
      </c>
      <c r="B639" t="s">
        <v>1257</v>
      </c>
      <c r="C639" s="1">
        <v>33894</v>
      </c>
      <c r="D639" t="s">
        <v>9</v>
      </c>
    </row>
    <row r="640" spans="1:4" x14ac:dyDescent="0.3">
      <c r="A640" t="s">
        <v>1258</v>
      </c>
      <c r="B640" t="s">
        <v>1259</v>
      </c>
      <c r="C640" s="1">
        <v>13781</v>
      </c>
      <c r="D640" t="s">
        <v>6</v>
      </c>
    </row>
    <row r="641" spans="1:4" x14ac:dyDescent="0.3">
      <c r="A641" t="s">
        <v>1260</v>
      </c>
      <c r="B641" t="s">
        <v>1261</v>
      </c>
      <c r="C641" s="1">
        <v>21141</v>
      </c>
      <c r="D641" t="s">
        <v>6</v>
      </c>
    </row>
    <row r="642" spans="1:4" x14ac:dyDescent="0.3">
      <c r="A642" t="s">
        <v>1262</v>
      </c>
      <c r="B642" t="s">
        <v>1263</v>
      </c>
      <c r="C642" s="1">
        <v>14459</v>
      </c>
      <c r="D642" t="s">
        <v>6</v>
      </c>
    </row>
    <row r="643" spans="1:4" x14ac:dyDescent="0.3">
      <c r="A643" t="s">
        <v>1264</v>
      </c>
      <c r="B643" t="s">
        <v>1265</v>
      </c>
      <c r="C643" s="1">
        <v>22448</v>
      </c>
      <c r="D643" t="s">
        <v>9</v>
      </c>
    </row>
    <row r="644" spans="1:4" x14ac:dyDescent="0.3">
      <c r="A644" t="s">
        <v>1266</v>
      </c>
      <c r="B644" t="s">
        <v>1267</v>
      </c>
      <c r="C644" s="1">
        <v>15797</v>
      </c>
      <c r="D644" t="s">
        <v>9</v>
      </c>
    </row>
    <row r="645" spans="1:4" x14ac:dyDescent="0.3">
      <c r="A645" t="s">
        <v>1268</v>
      </c>
      <c r="B645" t="s">
        <v>1269</v>
      </c>
      <c r="C645" s="1">
        <v>31792</v>
      </c>
      <c r="D645" t="s">
        <v>9</v>
      </c>
    </row>
    <row r="646" spans="1:4" x14ac:dyDescent="0.3">
      <c r="A646" t="s">
        <v>1270</v>
      </c>
      <c r="B646" t="s">
        <v>1271</v>
      </c>
      <c r="C646" s="1">
        <v>11145</v>
      </c>
      <c r="D646" t="s">
        <v>9</v>
      </c>
    </row>
    <row r="647" spans="1:4" x14ac:dyDescent="0.3">
      <c r="A647" t="s">
        <v>1272</v>
      </c>
      <c r="B647" t="s">
        <v>250</v>
      </c>
      <c r="C647" s="1">
        <v>32739</v>
      </c>
      <c r="D647" t="s">
        <v>6</v>
      </c>
    </row>
    <row r="648" spans="1:4" x14ac:dyDescent="0.3">
      <c r="A648" t="s">
        <v>1273</v>
      </c>
      <c r="B648" t="s">
        <v>1274</v>
      </c>
      <c r="C648" s="1">
        <v>34553</v>
      </c>
      <c r="D648" t="s">
        <v>9</v>
      </c>
    </row>
    <row r="649" spans="1:4" x14ac:dyDescent="0.3">
      <c r="A649" t="s">
        <v>1275</v>
      </c>
      <c r="B649" t="s">
        <v>1276</v>
      </c>
      <c r="C649" s="1">
        <v>14750</v>
      </c>
      <c r="D649" t="s">
        <v>6</v>
      </c>
    </row>
    <row r="650" spans="1:4" x14ac:dyDescent="0.3">
      <c r="A650" t="s">
        <v>1277</v>
      </c>
      <c r="B650" t="s">
        <v>1278</v>
      </c>
      <c r="C650" s="1">
        <v>31306</v>
      </c>
      <c r="D650" t="s">
        <v>9</v>
      </c>
    </row>
    <row r="651" spans="1:4" x14ac:dyDescent="0.3">
      <c r="A651" t="s">
        <v>1279</v>
      </c>
      <c r="B651" t="s">
        <v>1280</v>
      </c>
      <c r="C651" s="1">
        <v>33358</v>
      </c>
      <c r="D651" t="s">
        <v>6</v>
      </c>
    </row>
    <row r="652" spans="1:4" x14ac:dyDescent="0.3">
      <c r="A652" t="s">
        <v>1281</v>
      </c>
      <c r="B652" t="s">
        <v>1282</v>
      </c>
      <c r="C652" s="1">
        <v>15828</v>
      </c>
      <c r="D652" t="s">
        <v>9</v>
      </c>
    </row>
    <row r="653" spans="1:4" x14ac:dyDescent="0.3">
      <c r="A653" t="s">
        <v>1283</v>
      </c>
      <c r="B653" t="s">
        <v>1284</v>
      </c>
      <c r="C653" s="1">
        <v>33401</v>
      </c>
      <c r="D653" t="s">
        <v>6</v>
      </c>
    </row>
    <row r="654" spans="1:4" x14ac:dyDescent="0.3">
      <c r="A654" t="s">
        <v>1285</v>
      </c>
      <c r="B654" t="s">
        <v>1286</v>
      </c>
      <c r="C654" s="1">
        <v>21297</v>
      </c>
      <c r="D654" t="s">
        <v>6</v>
      </c>
    </row>
    <row r="655" spans="1:4" x14ac:dyDescent="0.3">
      <c r="A655" t="s">
        <v>1287</v>
      </c>
      <c r="B655" t="s">
        <v>1288</v>
      </c>
      <c r="C655" s="1">
        <v>24118</v>
      </c>
      <c r="D655" t="s">
        <v>9</v>
      </c>
    </row>
    <row r="656" spans="1:4" x14ac:dyDescent="0.3">
      <c r="A656" t="s">
        <v>1289</v>
      </c>
      <c r="B656" t="s">
        <v>1290</v>
      </c>
      <c r="C656" s="1">
        <v>18384</v>
      </c>
      <c r="D656" t="s">
        <v>9</v>
      </c>
    </row>
    <row r="657" spans="1:4" x14ac:dyDescent="0.3">
      <c r="A657" t="s">
        <v>1291</v>
      </c>
      <c r="B657" t="s">
        <v>1292</v>
      </c>
      <c r="C657" s="1">
        <v>20011</v>
      </c>
      <c r="D657" t="s">
        <v>9</v>
      </c>
    </row>
    <row r="658" spans="1:4" x14ac:dyDescent="0.3">
      <c r="A658" t="s">
        <v>1293</v>
      </c>
      <c r="B658" t="s">
        <v>1294</v>
      </c>
      <c r="C658" s="1">
        <v>31200</v>
      </c>
      <c r="D658" t="s">
        <v>6</v>
      </c>
    </row>
    <row r="659" spans="1:4" x14ac:dyDescent="0.3">
      <c r="A659" t="s">
        <v>1295</v>
      </c>
      <c r="B659" t="s">
        <v>1296</v>
      </c>
      <c r="C659" s="1">
        <v>16615</v>
      </c>
      <c r="D659" t="s">
        <v>9</v>
      </c>
    </row>
    <row r="660" spans="1:4" x14ac:dyDescent="0.3">
      <c r="A660" t="s">
        <v>1297</v>
      </c>
      <c r="B660" t="s">
        <v>1298</v>
      </c>
      <c r="C660" s="1">
        <v>8929</v>
      </c>
      <c r="D660" t="s">
        <v>6</v>
      </c>
    </row>
    <row r="661" spans="1:4" x14ac:dyDescent="0.3">
      <c r="A661" t="s">
        <v>1299</v>
      </c>
      <c r="B661" t="s">
        <v>1300</v>
      </c>
      <c r="C661" s="1">
        <v>17808</v>
      </c>
      <c r="D661" t="s">
        <v>9</v>
      </c>
    </row>
    <row r="662" spans="1:4" x14ac:dyDescent="0.3">
      <c r="A662" t="s">
        <v>1301</v>
      </c>
      <c r="B662" t="s">
        <v>1302</v>
      </c>
      <c r="C662" s="1">
        <v>11521</v>
      </c>
      <c r="D662" t="s">
        <v>6</v>
      </c>
    </row>
    <row r="663" spans="1:4" x14ac:dyDescent="0.3">
      <c r="A663" t="s">
        <v>382</v>
      </c>
      <c r="B663" t="s">
        <v>1303</v>
      </c>
      <c r="C663" s="1">
        <v>32480</v>
      </c>
      <c r="D663" t="s">
        <v>6</v>
      </c>
    </row>
    <row r="664" spans="1:4" x14ac:dyDescent="0.3">
      <c r="A664" t="s">
        <v>1304</v>
      </c>
      <c r="B664" t="s">
        <v>1305</v>
      </c>
      <c r="C664" s="1">
        <v>8524</v>
      </c>
      <c r="D664" t="s">
        <v>6</v>
      </c>
    </row>
    <row r="665" spans="1:4" x14ac:dyDescent="0.3">
      <c r="A665" t="s">
        <v>1306</v>
      </c>
      <c r="B665" t="s">
        <v>1307</v>
      </c>
      <c r="C665" s="1">
        <v>28556</v>
      </c>
      <c r="D665" t="s">
        <v>6</v>
      </c>
    </row>
    <row r="666" spans="1:4" x14ac:dyDescent="0.3">
      <c r="A666" t="s">
        <v>1308</v>
      </c>
      <c r="B666" t="s">
        <v>1309</v>
      </c>
      <c r="C666" s="1">
        <v>27965</v>
      </c>
      <c r="D666" t="s">
        <v>6</v>
      </c>
    </row>
    <row r="667" spans="1:4" x14ac:dyDescent="0.3">
      <c r="A667" t="s">
        <v>1310</v>
      </c>
      <c r="B667" t="s">
        <v>1311</v>
      </c>
      <c r="C667" s="1">
        <v>34812</v>
      </c>
      <c r="D667" t="s">
        <v>6</v>
      </c>
    </row>
    <row r="668" spans="1:4" x14ac:dyDescent="0.3">
      <c r="A668" t="s">
        <v>72</v>
      </c>
      <c r="B668" t="s">
        <v>1312</v>
      </c>
      <c r="C668" s="1">
        <v>16888</v>
      </c>
      <c r="D668" t="s">
        <v>9</v>
      </c>
    </row>
    <row r="669" spans="1:4" x14ac:dyDescent="0.3">
      <c r="A669" t="s">
        <v>1313</v>
      </c>
      <c r="B669" t="s">
        <v>1314</v>
      </c>
      <c r="C669" s="1">
        <v>15677</v>
      </c>
      <c r="D669" t="s">
        <v>6</v>
      </c>
    </row>
    <row r="670" spans="1:4" x14ac:dyDescent="0.3">
      <c r="A670" t="s">
        <v>1315</v>
      </c>
      <c r="B670" t="s">
        <v>1316</v>
      </c>
      <c r="C670" s="1">
        <v>24061</v>
      </c>
      <c r="D670" t="s">
        <v>9</v>
      </c>
    </row>
    <row r="671" spans="1:4" x14ac:dyDescent="0.3">
      <c r="A671" t="s">
        <v>1317</v>
      </c>
      <c r="B671" t="s">
        <v>1318</v>
      </c>
      <c r="C671" s="1">
        <v>9902</v>
      </c>
      <c r="D671" t="s">
        <v>6</v>
      </c>
    </row>
    <row r="672" spans="1:4" x14ac:dyDescent="0.3">
      <c r="A672" t="s">
        <v>1319</v>
      </c>
      <c r="B672" t="s">
        <v>1320</v>
      </c>
      <c r="C672" s="1">
        <v>30137</v>
      </c>
      <c r="D672" t="s">
        <v>9</v>
      </c>
    </row>
    <row r="673" spans="1:4" x14ac:dyDescent="0.3">
      <c r="A673" t="s">
        <v>110</v>
      </c>
      <c r="B673" t="s">
        <v>1321</v>
      </c>
      <c r="C673" s="1">
        <v>31197</v>
      </c>
      <c r="D673" t="s">
        <v>6</v>
      </c>
    </row>
    <row r="674" spans="1:4" x14ac:dyDescent="0.3">
      <c r="A674" t="s">
        <v>1322</v>
      </c>
      <c r="B674" t="s">
        <v>1323</v>
      </c>
      <c r="C674" s="1">
        <v>25847</v>
      </c>
      <c r="D674" t="s">
        <v>9</v>
      </c>
    </row>
    <row r="675" spans="1:4" x14ac:dyDescent="0.3">
      <c r="A675" t="s">
        <v>1324</v>
      </c>
      <c r="B675" t="s">
        <v>1325</v>
      </c>
      <c r="C675" s="1">
        <v>27091</v>
      </c>
      <c r="D675" t="s">
        <v>9</v>
      </c>
    </row>
    <row r="676" spans="1:4" x14ac:dyDescent="0.3">
      <c r="A676" t="s">
        <v>1326</v>
      </c>
      <c r="B676" t="s">
        <v>1327</v>
      </c>
      <c r="C676" s="1">
        <v>21725</v>
      </c>
      <c r="D676" t="s">
        <v>9</v>
      </c>
    </row>
    <row r="677" spans="1:4" x14ac:dyDescent="0.3">
      <c r="A677" t="s">
        <v>1328</v>
      </c>
      <c r="B677" t="s">
        <v>1329</v>
      </c>
      <c r="C677" s="1">
        <v>10464</v>
      </c>
      <c r="D677" t="s">
        <v>9</v>
      </c>
    </row>
    <row r="678" spans="1:4" x14ac:dyDescent="0.3">
      <c r="A678" t="s">
        <v>1330</v>
      </c>
      <c r="B678" t="s">
        <v>1331</v>
      </c>
      <c r="C678" s="1">
        <v>32057</v>
      </c>
      <c r="D678" t="s">
        <v>6</v>
      </c>
    </row>
    <row r="679" spans="1:4" x14ac:dyDescent="0.3">
      <c r="A679" t="s">
        <v>1332</v>
      </c>
      <c r="B679" t="s">
        <v>1333</v>
      </c>
      <c r="C679" s="1">
        <v>12967</v>
      </c>
      <c r="D679" t="s">
        <v>9</v>
      </c>
    </row>
    <row r="680" spans="1:4" x14ac:dyDescent="0.3">
      <c r="A680" t="s">
        <v>1334</v>
      </c>
      <c r="B680" t="s">
        <v>1335</v>
      </c>
      <c r="C680" s="1">
        <v>8824</v>
      </c>
      <c r="D680" t="s">
        <v>6</v>
      </c>
    </row>
    <row r="681" spans="1:4" x14ac:dyDescent="0.3">
      <c r="A681" t="s">
        <v>1336</v>
      </c>
      <c r="B681" t="s">
        <v>1337</v>
      </c>
      <c r="C681" s="1">
        <v>28096</v>
      </c>
      <c r="D681" t="s">
        <v>9</v>
      </c>
    </row>
    <row r="682" spans="1:4" x14ac:dyDescent="0.3">
      <c r="A682" t="s">
        <v>1338</v>
      </c>
      <c r="B682" t="s">
        <v>1339</v>
      </c>
      <c r="C682" s="1">
        <v>17130</v>
      </c>
      <c r="D682" t="s">
        <v>9</v>
      </c>
    </row>
    <row r="683" spans="1:4" x14ac:dyDescent="0.3">
      <c r="A683" t="s">
        <v>1114</v>
      </c>
      <c r="B683" t="s">
        <v>1340</v>
      </c>
      <c r="C683" s="1">
        <v>32610</v>
      </c>
      <c r="D683" t="s">
        <v>6</v>
      </c>
    </row>
    <row r="684" spans="1:4" x14ac:dyDescent="0.3">
      <c r="A684" t="s">
        <v>1341</v>
      </c>
      <c r="B684" t="s">
        <v>1342</v>
      </c>
      <c r="C684" s="1">
        <v>17599</v>
      </c>
      <c r="D684" t="s">
        <v>9</v>
      </c>
    </row>
    <row r="685" spans="1:4" x14ac:dyDescent="0.3">
      <c r="A685" t="s">
        <v>1343</v>
      </c>
      <c r="B685" t="s">
        <v>1344</v>
      </c>
      <c r="C685" s="1">
        <v>25442</v>
      </c>
      <c r="D685" t="s">
        <v>9</v>
      </c>
    </row>
    <row r="686" spans="1:4" x14ac:dyDescent="0.3">
      <c r="A686" t="s">
        <v>1345</v>
      </c>
      <c r="B686" t="s">
        <v>1346</v>
      </c>
      <c r="C686" s="1">
        <v>19517</v>
      </c>
      <c r="D686" t="s">
        <v>9</v>
      </c>
    </row>
    <row r="687" spans="1:4" x14ac:dyDescent="0.3">
      <c r="A687" t="s">
        <v>1347</v>
      </c>
      <c r="B687" t="s">
        <v>1348</v>
      </c>
      <c r="C687" s="1">
        <v>22226</v>
      </c>
      <c r="D687" t="s">
        <v>9</v>
      </c>
    </row>
    <row r="688" spans="1:4" x14ac:dyDescent="0.3">
      <c r="A688" t="s">
        <v>1349</v>
      </c>
      <c r="B688" t="s">
        <v>1350</v>
      </c>
      <c r="C688" s="1">
        <v>19522</v>
      </c>
      <c r="D688" t="s">
        <v>6</v>
      </c>
    </row>
    <row r="689" spans="1:4" x14ac:dyDescent="0.3">
      <c r="A689" t="s">
        <v>1351</v>
      </c>
      <c r="B689" t="s">
        <v>1352</v>
      </c>
      <c r="C689" s="1">
        <v>34396</v>
      </c>
      <c r="D689" t="s">
        <v>9</v>
      </c>
    </row>
    <row r="690" spans="1:4" x14ac:dyDescent="0.3">
      <c r="A690" t="s">
        <v>1353</v>
      </c>
      <c r="B690" t="s">
        <v>1354</v>
      </c>
      <c r="C690" s="1">
        <v>22478</v>
      </c>
      <c r="D690" t="s">
        <v>6</v>
      </c>
    </row>
    <row r="691" spans="1:4" x14ac:dyDescent="0.3">
      <c r="A691" t="s">
        <v>1355</v>
      </c>
      <c r="B691" t="s">
        <v>1356</v>
      </c>
      <c r="C691" s="1">
        <v>21134</v>
      </c>
      <c r="D691" t="s">
        <v>9</v>
      </c>
    </row>
    <row r="692" spans="1:4" x14ac:dyDescent="0.3">
      <c r="A692" t="s">
        <v>1357</v>
      </c>
      <c r="B692" t="s">
        <v>1358</v>
      </c>
      <c r="C692" s="1">
        <v>8618</v>
      </c>
      <c r="D692" t="s">
        <v>6</v>
      </c>
    </row>
    <row r="693" spans="1:4" x14ac:dyDescent="0.3">
      <c r="A693" t="s">
        <v>1359</v>
      </c>
      <c r="B693" t="s">
        <v>1360</v>
      </c>
      <c r="C693" s="1">
        <v>27008</v>
      </c>
      <c r="D693" t="s">
        <v>6</v>
      </c>
    </row>
    <row r="694" spans="1:4" x14ac:dyDescent="0.3">
      <c r="A694" t="s">
        <v>876</v>
      </c>
      <c r="B694" t="s">
        <v>1361</v>
      </c>
      <c r="C694" s="1">
        <v>31582</v>
      </c>
      <c r="D694" t="s">
        <v>9</v>
      </c>
    </row>
    <row r="695" spans="1:4" x14ac:dyDescent="0.3">
      <c r="A695" t="s">
        <v>1362</v>
      </c>
      <c r="B695" t="s">
        <v>1363</v>
      </c>
      <c r="C695" s="1">
        <v>34478</v>
      </c>
      <c r="D695" t="s">
        <v>6</v>
      </c>
    </row>
    <row r="696" spans="1:4" x14ac:dyDescent="0.3">
      <c r="A696" t="s">
        <v>1364</v>
      </c>
      <c r="B696" t="s">
        <v>1365</v>
      </c>
      <c r="C696" s="1">
        <v>19023</v>
      </c>
      <c r="D696" t="s">
        <v>6</v>
      </c>
    </row>
    <row r="697" spans="1:4" x14ac:dyDescent="0.3">
      <c r="A697" t="s">
        <v>1366</v>
      </c>
      <c r="B697" t="s">
        <v>1367</v>
      </c>
      <c r="C697" s="1">
        <v>28082</v>
      </c>
      <c r="D697" t="s">
        <v>9</v>
      </c>
    </row>
    <row r="698" spans="1:4" x14ac:dyDescent="0.3">
      <c r="A698" t="s">
        <v>1368</v>
      </c>
      <c r="B698" t="s">
        <v>1369</v>
      </c>
      <c r="C698" s="1">
        <v>16687</v>
      </c>
      <c r="D698" t="s">
        <v>6</v>
      </c>
    </row>
    <row r="699" spans="1:4" x14ac:dyDescent="0.3">
      <c r="A699" t="s">
        <v>1370</v>
      </c>
      <c r="B699" t="s">
        <v>1371</v>
      </c>
      <c r="C699" s="1">
        <v>31821</v>
      </c>
      <c r="D699" t="s">
        <v>9</v>
      </c>
    </row>
    <row r="700" spans="1:4" x14ac:dyDescent="0.3">
      <c r="A700" t="s">
        <v>1372</v>
      </c>
      <c r="B700" t="s">
        <v>1373</v>
      </c>
      <c r="C700" s="1">
        <v>27332</v>
      </c>
      <c r="D700" t="s">
        <v>6</v>
      </c>
    </row>
    <row r="701" spans="1:4" x14ac:dyDescent="0.3">
      <c r="A701" t="s">
        <v>1374</v>
      </c>
      <c r="B701" t="s">
        <v>1375</v>
      </c>
      <c r="C701" s="1">
        <v>15869</v>
      </c>
      <c r="D701" t="s">
        <v>9</v>
      </c>
    </row>
    <row r="702" spans="1:4" x14ac:dyDescent="0.3">
      <c r="A702" t="s">
        <v>1376</v>
      </c>
      <c r="B702" t="s">
        <v>1377</v>
      </c>
      <c r="C702" s="1">
        <v>15084</v>
      </c>
      <c r="D702" t="s">
        <v>6</v>
      </c>
    </row>
    <row r="703" spans="1:4" x14ac:dyDescent="0.3">
      <c r="A703" t="s">
        <v>1378</v>
      </c>
      <c r="B703" t="s">
        <v>1379</v>
      </c>
      <c r="C703" s="1">
        <v>16289</v>
      </c>
      <c r="D703" t="s">
        <v>6</v>
      </c>
    </row>
    <row r="704" spans="1:4" x14ac:dyDescent="0.3">
      <c r="A704" t="s">
        <v>1380</v>
      </c>
      <c r="B704" t="s">
        <v>1381</v>
      </c>
      <c r="C704" s="1">
        <v>17303</v>
      </c>
      <c r="D704" t="s">
        <v>6</v>
      </c>
    </row>
    <row r="705" spans="1:4" x14ac:dyDescent="0.3">
      <c r="A705" t="s">
        <v>1382</v>
      </c>
      <c r="B705" t="s">
        <v>1383</v>
      </c>
      <c r="C705" s="1">
        <v>29715</v>
      </c>
      <c r="D705" t="s">
        <v>6</v>
      </c>
    </row>
    <row r="706" spans="1:4" x14ac:dyDescent="0.3">
      <c r="A706" t="s">
        <v>1384</v>
      </c>
      <c r="B706" t="s">
        <v>1385</v>
      </c>
      <c r="C706" s="1">
        <v>26825</v>
      </c>
      <c r="D706" t="s">
        <v>9</v>
      </c>
    </row>
    <row r="707" spans="1:4" x14ac:dyDescent="0.3">
      <c r="A707" t="s">
        <v>1386</v>
      </c>
      <c r="B707" t="s">
        <v>1387</v>
      </c>
      <c r="C707" s="1">
        <v>15204</v>
      </c>
      <c r="D707" t="s">
        <v>6</v>
      </c>
    </row>
    <row r="708" spans="1:4" x14ac:dyDescent="0.3">
      <c r="A708" t="s">
        <v>1388</v>
      </c>
      <c r="B708" t="s">
        <v>1389</v>
      </c>
      <c r="C708" s="1">
        <v>18188</v>
      </c>
      <c r="D708" t="s">
        <v>6</v>
      </c>
    </row>
    <row r="709" spans="1:4" x14ac:dyDescent="0.3">
      <c r="A709" t="s">
        <v>1390</v>
      </c>
      <c r="B709" t="s">
        <v>1391</v>
      </c>
      <c r="C709" s="1">
        <v>20158</v>
      </c>
      <c r="D709" t="s">
        <v>9</v>
      </c>
    </row>
    <row r="710" spans="1:4" x14ac:dyDescent="0.3">
      <c r="A710" t="s">
        <v>661</v>
      </c>
      <c r="B710" t="s">
        <v>1392</v>
      </c>
      <c r="C710" s="1">
        <v>15695</v>
      </c>
      <c r="D710" t="s">
        <v>6</v>
      </c>
    </row>
    <row r="711" spans="1:4" x14ac:dyDescent="0.3">
      <c r="A711" t="s">
        <v>1393</v>
      </c>
      <c r="B711" t="s">
        <v>1394</v>
      </c>
      <c r="C711" s="1">
        <v>19632</v>
      </c>
      <c r="D711" t="s">
        <v>6</v>
      </c>
    </row>
    <row r="712" spans="1:4" x14ac:dyDescent="0.3">
      <c r="A712" t="s">
        <v>1395</v>
      </c>
      <c r="B712" t="s">
        <v>1396</v>
      </c>
      <c r="C712" s="1">
        <v>7506</v>
      </c>
      <c r="D712" t="s">
        <v>6</v>
      </c>
    </row>
    <row r="713" spans="1:4" x14ac:dyDescent="0.3">
      <c r="A713" t="s">
        <v>1397</v>
      </c>
      <c r="B713" t="s">
        <v>1398</v>
      </c>
      <c r="C713" s="1">
        <v>20790</v>
      </c>
      <c r="D713" t="s">
        <v>9</v>
      </c>
    </row>
    <row r="714" spans="1:4" x14ac:dyDescent="0.3">
      <c r="A714" t="s">
        <v>1399</v>
      </c>
      <c r="B714" t="s">
        <v>1400</v>
      </c>
      <c r="C714" s="1">
        <v>14366</v>
      </c>
      <c r="D714" t="s">
        <v>9</v>
      </c>
    </row>
    <row r="715" spans="1:4" x14ac:dyDescent="0.3">
      <c r="A715" t="s">
        <v>1401</v>
      </c>
      <c r="B715" t="s">
        <v>1402</v>
      </c>
      <c r="C715" s="1">
        <v>36491</v>
      </c>
      <c r="D715" t="s">
        <v>6</v>
      </c>
    </row>
    <row r="716" spans="1:4" x14ac:dyDescent="0.3">
      <c r="A716" t="s">
        <v>1403</v>
      </c>
      <c r="B716" t="s">
        <v>1404</v>
      </c>
      <c r="C716" s="1">
        <v>26301</v>
      </c>
      <c r="D716" t="s">
        <v>9</v>
      </c>
    </row>
    <row r="717" spans="1:4" x14ac:dyDescent="0.3">
      <c r="A717" t="s">
        <v>1405</v>
      </c>
      <c r="B717" t="s">
        <v>1406</v>
      </c>
      <c r="C717" s="1">
        <v>27908</v>
      </c>
      <c r="D717" t="s">
        <v>6</v>
      </c>
    </row>
    <row r="718" spans="1:4" x14ac:dyDescent="0.3">
      <c r="A718" t="s">
        <v>1407</v>
      </c>
      <c r="B718" t="s">
        <v>1408</v>
      </c>
      <c r="C718" s="1">
        <v>23111</v>
      </c>
      <c r="D718" t="s">
        <v>9</v>
      </c>
    </row>
    <row r="719" spans="1:4" x14ac:dyDescent="0.3">
      <c r="A719" t="s">
        <v>1409</v>
      </c>
      <c r="B719" t="s">
        <v>1410</v>
      </c>
      <c r="C719" s="1">
        <v>16925</v>
      </c>
      <c r="D719" t="s">
        <v>9</v>
      </c>
    </row>
    <row r="720" spans="1:4" x14ac:dyDescent="0.3">
      <c r="A720" t="s">
        <v>1364</v>
      </c>
      <c r="B720" t="s">
        <v>1411</v>
      </c>
      <c r="C720" s="1">
        <v>35202</v>
      </c>
      <c r="D720" t="s">
        <v>9</v>
      </c>
    </row>
    <row r="721" spans="1:4" x14ac:dyDescent="0.3">
      <c r="A721" t="s">
        <v>1412</v>
      </c>
      <c r="B721" t="s">
        <v>1413</v>
      </c>
      <c r="C721" s="1">
        <v>32603</v>
      </c>
      <c r="D721" t="s">
        <v>9</v>
      </c>
    </row>
    <row r="722" spans="1:4" x14ac:dyDescent="0.3">
      <c r="A722" t="s">
        <v>1414</v>
      </c>
      <c r="B722" t="s">
        <v>1415</v>
      </c>
      <c r="C722" s="1">
        <v>18835</v>
      </c>
      <c r="D722" t="s">
        <v>6</v>
      </c>
    </row>
    <row r="723" spans="1:4" x14ac:dyDescent="0.3">
      <c r="A723" t="s">
        <v>197</v>
      </c>
      <c r="B723" t="s">
        <v>1416</v>
      </c>
      <c r="C723" s="1">
        <v>17361</v>
      </c>
      <c r="D723" t="s">
        <v>9</v>
      </c>
    </row>
    <row r="724" spans="1:4" x14ac:dyDescent="0.3">
      <c r="A724" t="s">
        <v>1417</v>
      </c>
      <c r="B724" t="s">
        <v>1418</v>
      </c>
      <c r="C724" s="1">
        <v>26742</v>
      </c>
      <c r="D724" t="s">
        <v>9</v>
      </c>
    </row>
    <row r="725" spans="1:4" x14ac:dyDescent="0.3">
      <c r="A725" t="s">
        <v>1419</v>
      </c>
      <c r="B725" t="s">
        <v>1420</v>
      </c>
      <c r="C725" s="1">
        <v>8958</v>
      </c>
      <c r="D725" t="s">
        <v>6</v>
      </c>
    </row>
    <row r="726" spans="1:4" x14ac:dyDescent="0.3">
      <c r="A726" t="s">
        <v>484</v>
      </c>
      <c r="B726" t="s">
        <v>1421</v>
      </c>
      <c r="C726" s="1">
        <v>27254</v>
      </c>
      <c r="D726" t="s">
        <v>9</v>
      </c>
    </row>
    <row r="727" spans="1:4" x14ac:dyDescent="0.3">
      <c r="A727" t="s">
        <v>1422</v>
      </c>
      <c r="B727" t="s">
        <v>1423</v>
      </c>
      <c r="C727" s="1">
        <v>19812</v>
      </c>
      <c r="D727" t="s">
        <v>6</v>
      </c>
    </row>
    <row r="728" spans="1:4" x14ac:dyDescent="0.3">
      <c r="A728" t="s">
        <v>1424</v>
      </c>
      <c r="B728" t="s">
        <v>1425</v>
      </c>
      <c r="C728" s="1">
        <v>11186</v>
      </c>
      <c r="D728" t="s">
        <v>6</v>
      </c>
    </row>
    <row r="729" spans="1:4" x14ac:dyDescent="0.3">
      <c r="A729" t="s">
        <v>1426</v>
      </c>
      <c r="B729" t="s">
        <v>1427</v>
      </c>
      <c r="C729" s="1">
        <v>13151</v>
      </c>
      <c r="D729" t="s">
        <v>9</v>
      </c>
    </row>
    <row r="730" spans="1:4" x14ac:dyDescent="0.3">
      <c r="A730" t="s">
        <v>1428</v>
      </c>
      <c r="B730" t="s">
        <v>1429</v>
      </c>
      <c r="C730" s="1">
        <v>31009</v>
      </c>
      <c r="D730" t="s">
        <v>9</v>
      </c>
    </row>
    <row r="731" spans="1:4" x14ac:dyDescent="0.3">
      <c r="A731" t="s">
        <v>1430</v>
      </c>
      <c r="B731" t="s">
        <v>1431</v>
      </c>
      <c r="C731" s="1">
        <v>7458</v>
      </c>
      <c r="D731" t="s">
        <v>6</v>
      </c>
    </row>
    <row r="732" spans="1:4" x14ac:dyDescent="0.3">
      <c r="A732" t="s">
        <v>1432</v>
      </c>
      <c r="B732" t="s">
        <v>1433</v>
      </c>
      <c r="C732" s="1">
        <v>31641</v>
      </c>
      <c r="D732" t="s">
        <v>6</v>
      </c>
    </row>
    <row r="733" spans="1:4" x14ac:dyDescent="0.3">
      <c r="A733" t="s">
        <v>1434</v>
      </c>
      <c r="B733" t="s">
        <v>1435</v>
      </c>
      <c r="C733" s="1">
        <v>10390</v>
      </c>
      <c r="D733" t="s">
        <v>9</v>
      </c>
    </row>
    <row r="734" spans="1:4" x14ac:dyDescent="0.3">
      <c r="A734" t="s">
        <v>1436</v>
      </c>
      <c r="B734" t="s">
        <v>1437</v>
      </c>
      <c r="C734" s="1">
        <v>23193</v>
      </c>
      <c r="D734" t="s">
        <v>9</v>
      </c>
    </row>
    <row r="735" spans="1:4" x14ac:dyDescent="0.3">
      <c r="A735" t="s">
        <v>1438</v>
      </c>
      <c r="B735" t="s">
        <v>1439</v>
      </c>
      <c r="C735" s="1">
        <v>18908</v>
      </c>
      <c r="D735" t="s">
        <v>9</v>
      </c>
    </row>
    <row r="736" spans="1:4" x14ac:dyDescent="0.3">
      <c r="A736" t="s">
        <v>1440</v>
      </c>
      <c r="B736" t="s">
        <v>1441</v>
      </c>
      <c r="C736" s="1">
        <v>22790</v>
      </c>
      <c r="D736" t="s">
        <v>9</v>
      </c>
    </row>
    <row r="737" spans="1:4" x14ac:dyDescent="0.3">
      <c r="A737" t="s">
        <v>1442</v>
      </c>
      <c r="B737" t="s">
        <v>1443</v>
      </c>
      <c r="C737" s="1">
        <v>13612</v>
      </c>
      <c r="D737" t="s">
        <v>9</v>
      </c>
    </row>
    <row r="738" spans="1:4" x14ac:dyDescent="0.3">
      <c r="A738" t="s">
        <v>1444</v>
      </c>
      <c r="B738" t="s">
        <v>1445</v>
      </c>
      <c r="C738" s="1">
        <v>20147</v>
      </c>
      <c r="D738" t="s">
        <v>6</v>
      </c>
    </row>
    <row r="739" spans="1:4" x14ac:dyDescent="0.3">
      <c r="A739" t="s">
        <v>1446</v>
      </c>
      <c r="B739" t="s">
        <v>1447</v>
      </c>
      <c r="C739" s="1">
        <v>25470</v>
      </c>
      <c r="D739" t="s">
        <v>9</v>
      </c>
    </row>
    <row r="740" spans="1:4" x14ac:dyDescent="0.3">
      <c r="A740" t="s">
        <v>1448</v>
      </c>
      <c r="B740" t="s">
        <v>1449</v>
      </c>
      <c r="C740" s="1">
        <v>9085</v>
      </c>
      <c r="D740" t="s">
        <v>9</v>
      </c>
    </row>
    <row r="741" spans="1:4" x14ac:dyDescent="0.3">
      <c r="A741" t="s">
        <v>1450</v>
      </c>
      <c r="B741" t="s">
        <v>1451</v>
      </c>
      <c r="C741" s="1">
        <v>22888</v>
      </c>
      <c r="D741" t="s">
        <v>9</v>
      </c>
    </row>
    <row r="742" spans="1:4" x14ac:dyDescent="0.3">
      <c r="A742" t="s">
        <v>1452</v>
      </c>
      <c r="B742" t="s">
        <v>1453</v>
      </c>
      <c r="C742" s="1">
        <v>11407</v>
      </c>
      <c r="D742" t="s">
        <v>6</v>
      </c>
    </row>
    <row r="743" spans="1:4" x14ac:dyDescent="0.3">
      <c r="A743" t="s">
        <v>1454</v>
      </c>
      <c r="B743" t="s">
        <v>1455</v>
      </c>
      <c r="C743" s="1">
        <v>32001</v>
      </c>
      <c r="D743" t="s">
        <v>9</v>
      </c>
    </row>
    <row r="744" spans="1:4" x14ac:dyDescent="0.3">
      <c r="A744" t="s">
        <v>1456</v>
      </c>
      <c r="B744" t="s">
        <v>1457</v>
      </c>
      <c r="C744" s="1">
        <v>26778</v>
      </c>
      <c r="D744" t="s">
        <v>9</v>
      </c>
    </row>
    <row r="745" spans="1:4" x14ac:dyDescent="0.3">
      <c r="A745" t="s">
        <v>456</v>
      </c>
      <c r="B745" t="s">
        <v>1458</v>
      </c>
      <c r="C745" s="1">
        <v>17568</v>
      </c>
      <c r="D745" t="s">
        <v>6</v>
      </c>
    </row>
    <row r="746" spans="1:4" x14ac:dyDescent="0.3">
      <c r="A746" t="s">
        <v>1459</v>
      </c>
      <c r="B746" t="s">
        <v>1460</v>
      </c>
      <c r="C746" s="1">
        <v>29571</v>
      </c>
      <c r="D746" t="s">
        <v>6</v>
      </c>
    </row>
    <row r="747" spans="1:4" x14ac:dyDescent="0.3">
      <c r="A747" t="s">
        <v>1461</v>
      </c>
      <c r="B747" t="s">
        <v>1462</v>
      </c>
      <c r="C747" s="1">
        <v>20062</v>
      </c>
      <c r="D747" t="s">
        <v>9</v>
      </c>
    </row>
    <row r="748" spans="1:4" x14ac:dyDescent="0.3">
      <c r="A748" t="s">
        <v>732</v>
      </c>
      <c r="B748" t="s">
        <v>1463</v>
      </c>
      <c r="C748" s="1">
        <v>11949</v>
      </c>
      <c r="D748" t="s">
        <v>6</v>
      </c>
    </row>
    <row r="749" spans="1:4" x14ac:dyDescent="0.3">
      <c r="A749" t="s">
        <v>203</v>
      </c>
      <c r="B749" t="s">
        <v>1464</v>
      </c>
      <c r="C749" s="1">
        <v>16921</v>
      </c>
      <c r="D749" t="s">
        <v>9</v>
      </c>
    </row>
    <row r="750" spans="1:4" x14ac:dyDescent="0.3">
      <c r="A750" t="s">
        <v>1465</v>
      </c>
      <c r="B750" t="s">
        <v>1466</v>
      </c>
      <c r="C750" s="1">
        <v>25925</v>
      </c>
      <c r="D750" t="s">
        <v>6</v>
      </c>
    </row>
    <row r="751" spans="1:4" x14ac:dyDescent="0.3">
      <c r="A751" t="s">
        <v>1467</v>
      </c>
      <c r="B751" t="s">
        <v>1468</v>
      </c>
      <c r="C751" s="1">
        <v>32926</v>
      </c>
      <c r="D751" t="s">
        <v>9</v>
      </c>
    </row>
    <row r="752" spans="1:4" x14ac:dyDescent="0.3">
      <c r="A752" t="s">
        <v>1469</v>
      </c>
      <c r="B752" t="s">
        <v>1470</v>
      </c>
      <c r="C752" s="1">
        <v>29566</v>
      </c>
      <c r="D752" t="s">
        <v>6</v>
      </c>
    </row>
    <row r="753" spans="1:4" x14ac:dyDescent="0.3">
      <c r="A753" t="s">
        <v>1471</v>
      </c>
      <c r="B753" t="s">
        <v>1472</v>
      </c>
      <c r="C753" s="1">
        <v>22451</v>
      </c>
      <c r="D753" t="s">
        <v>9</v>
      </c>
    </row>
    <row r="754" spans="1:4" x14ac:dyDescent="0.3">
      <c r="A754" t="s">
        <v>1473</v>
      </c>
      <c r="B754" t="s">
        <v>1474</v>
      </c>
      <c r="C754" s="1">
        <v>23842</v>
      </c>
      <c r="D754" t="s">
        <v>6</v>
      </c>
    </row>
    <row r="755" spans="1:4" x14ac:dyDescent="0.3">
      <c r="A755" t="s">
        <v>1475</v>
      </c>
      <c r="B755" t="s">
        <v>1476</v>
      </c>
      <c r="C755" s="1">
        <v>15119</v>
      </c>
      <c r="D755" t="s">
        <v>9</v>
      </c>
    </row>
    <row r="756" spans="1:4" x14ac:dyDescent="0.3">
      <c r="A756" t="s">
        <v>1477</v>
      </c>
      <c r="B756" t="s">
        <v>1478</v>
      </c>
      <c r="C756" s="1">
        <v>21986</v>
      </c>
      <c r="D756" t="s">
        <v>9</v>
      </c>
    </row>
    <row r="757" spans="1:4" x14ac:dyDescent="0.3">
      <c r="A757" t="s">
        <v>1479</v>
      </c>
      <c r="B757" t="s">
        <v>1480</v>
      </c>
      <c r="C757" s="1">
        <v>22642</v>
      </c>
      <c r="D757" t="s">
        <v>6</v>
      </c>
    </row>
    <row r="758" spans="1:4" x14ac:dyDescent="0.3">
      <c r="A758" t="s">
        <v>1481</v>
      </c>
      <c r="B758" t="s">
        <v>1482</v>
      </c>
      <c r="C758" s="1">
        <v>19113</v>
      </c>
      <c r="D758" t="s">
        <v>6</v>
      </c>
    </row>
    <row r="759" spans="1:4" x14ac:dyDescent="0.3">
      <c r="A759" t="s">
        <v>1483</v>
      </c>
      <c r="B759" t="s">
        <v>1484</v>
      </c>
      <c r="C759" s="1">
        <v>30873</v>
      </c>
      <c r="D759" t="s">
        <v>9</v>
      </c>
    </row>
    <row r="760" spans="1:4" x14ac:dyDescent="0.3">
      <c r="A760" t="s">
        <v>1485</v>
      </c>
      <c r="B760" t="s">
        <v>1486</v>
      </c>
      <c r="C760" s="1">
        <v>30886</v>
      </c>
      <c r="D760" t="s">
        <v>9</v>
      </c>
    </row>
    <row r="761" spans="1:4" x14ac:dyDescent="0.3">
      <c r="A761" t="s">
        <v>1487</v>
      </c>
      <c r="B761" t="s">
        <v>1488</v>
      </c>
      <c r="C761" s="1">
        <v>15561</v>
      </c>
      <c r="D761" t="s">
        <v>9</v>
      </c>
    </row>
    <row r="762" spans="1:4" x14ac:dyDescent="0.3">
      <c r="A762" t="s">
        <v>1489</v>
      </c>
      <c r="B762" t="s">
        <v>1490</v>
      </c>
      <c r="C762" s="1">
        <v>16166</v>
      </c>
      <c r="D762" t="s">
        <v>9</v>
      </c>
    </row>
    <row r="763" spans="1:4" x14ac:dyDescent="0.3">
      <c r="A763" t="s">
        <v>1491</v>
      </c>
      <c r="B763" t="s">
        <v>1492</v>
      </c>
      <c r="C763" s="1">
        <v>27907</v>
      </c>
      <c r="D763" t="s">
        <v>9</v>
      </c>
    </row>
    <row r="764" spans="1:4" x14ac:dyDescent="0.3">
      <c r="A764" t="s">
        <v>732</v>
      </c>
      <c r="B764" t="s">
        <v>1493</v>
      </c>
      <c r="C764" s="1">
        <v>12951</v>
      </c>
      <c r="D764" t="s">
        <v>6</v>
      </c>
    </row>
    <row r="765" spans="1:4" x14ac:dyDescent="0.3">
      <c r="A765" t="s">
        <v>1494</v>
      </c>
      <c r="B765" t="s">
        <v>1495</v>
      </c>
      <c r="C765" s="1">
        <v>35233</v>
      </c>
      <c r="D765" t="s">
        <v>9</v>
      </c>
    </row>
    <row r="766" spans="1:4" x14ac:dyDescent="0.3">
      <c r="A766" t="s">
        <v>1496</v>
      </c>
      <c r="B766" t="s">
        <v>1497</v>
      </c>
      <c r="C766" s="1">
        <v>28445</v>
      </c>
      <c r="D766" t="s">
        <v>6</v>
      </c>
    </row>
    <row r="767" spans="1:4" x14ac:dyDescent="0.3">
      <c r="A767" t="s">
        <v>1498</v>
      </c>
      <c r="B767" t="s">
        <v>1499</v>
      </c>
      <c r="C767" s="1">
        <v>14967</v>
      </c>
      <c r="D767" t="s">
        <v>6</v>
      </c>
    </row>
    <row r="768" spans="1:4" x14ac:dyDescent="0.3">
      <c r="A768" t="s">
        <v>1500</v>
      </c>
      <c r="B768" t="s">
        <v>1501</v>
      </c>
      <c r="C768" s="1">
        <v>10166</v>
      </c>
      <c r="D768" t="s">
        <v>9</v>
      </c>
    </row>
    <row r="769" spans="1:4" x14ac:dyDescent="0.3">
      <c r="A769" t="s">
        <v>1502</v>
      </c>
      <c r="B769" t="s">
        <v>1503</v>
      </c>
      <c r="C769" s="1">
        <v>35906</v>
      </c>
      <c r="D769" t="s">
        <v>6</v>
      </c>
    </row>
    <row r="770" spans="1:4" x14ac:dyDescent="0.3">
      <c r="A770" t="s">
        <v>1504</v>
      </c>
      <c r="B770" t="s">
        <v>1505</v>
      </c>
      <c r="C770" s="1">
        <v>34759</v>
      </c>
      <c r="D770" t="s">
        <v>6</v>
      </c>
    </row>
    <row r="771" spans="1:4" x14ac:dyDescent="0.3">
      <c r="A771" t="s">
        <v>1506</v>
      </c>
      <c r="B771" t="s">
        <v>1507</v>
      </c>
      <c r="C771" s="1">
        <v>12751</v>
      </c>
      <c r="D771" t="s">
        <v>9</v>
      </c>
    </row>
    <row r="772" spans="1:4" x14ac:dyDescent="0.3">
      <c r="A772" t="s">
        <v>1508</v>
      </c>
      <c r="B772" t="s">
        <v>1509</v>
      </c>
      <c r="C772" s="1">
        <v>19083</v>
      </c>
      <c r="D772" t="s">
        <v>6</v>
      </c>
    </row>
    <row r="773" spans="1:4" x14ac:dyDescent="0.3">
      <c r="A773" t="s">
        <v>1510</v>
      </c>
      <c r="B773" t="s">
        <v>1511</v>
      </c>
      <c r="C773" s="1">
        <v>23265</v>
      </c>
      <c r="D773" t="s">
        <v>6</v>
      </c>
    </row>
    <row r="774" spans="1:4" x14ac:dyDescent="0.3">
      <c r="A774" t="s">
        <v>1512</v>
      </c>
      <c r="B774" t="s">
        <v>1513</v>
      </c>
      <c r="C774" s="1">
        <v>34618</v>
      </c>
      <c r="D774" t="s">
        <v>9</v>
      </c>
    </row>
    <row r="775" spans="1:4" x14ac:dyDescent="0.3">
      <c r="A775" t="s">
        <v>1514</v>
      </c>
      <c r="B775" t="s">
        <v>1515</v>
      </c>
      <c r="C775" s="1">
        <v>34704</v>
      </c>
      <c r="D775" t="s">
        <v>9</v>
      </c>
    </row>
    <row r="776" spans="1:4" x14ac:dyDescent="0.3">
      <c r="A776" t="s">
        <v>1516</v>
      </c>
      <c r="B776" t="s">
        <v>1517</v>
      </c>
      <c r="C776" s="1">
        <v>26269</v>
      </c>
      <c r="D776" t="s">
        <v>6</v>
      </c>
    </row>
    <row r="777" spans="1:4" x14ac:dyDescent="0.3">
      <c r="A777" t="s">
        <v>1518</v>
      </c>
      <c r="B777" t="s">
        <v>1519</v>
      </c>
      <c r="C777" s="1">
        <v>13899</v>
      </c>
      <c r="D777" t="s">
        <v>6</v>
      </c>
    </row>
    <row r="778" spans="1:4" x14ac:dyDescent="0.3">
      <c r="A778" t="s">
        <v>1520</v>
      </c>
      <c r="B778" t="s">
        <v>1521</v>
      </c>
      <c r="C778" s="1">
        <v>13604</v>
      </c>
      <c r="D778" t="s">
        <v>6</v>
      </c>
    </row>
    <row r="779" spans="1:4" x14ac:dyDescent="0.3">
      <c r="A779" t="s">
        <v>1522</v>
      </c>
      <c r="B779" t="s">
        <v>1523</v>
      </c>
      <c r="C779" s="1">
        <v>17571</v>
      </c>
      <c r="D779" t="s">
        <v>9</v>
      </c>
    </row>
    <row r="780" spans="1:4" x14ac:dyDescent="0.3">
      <c r="A780" t="s">
        <v>1524</v>
      </c>
      <c r="B780" t="s">
        <v>1525</v>
      </c>
      <c r="C780" s="1">
        <v>33580</v>
      </c>
      <c r="D780" t="s">
        <v>9</v>
      </c>
    </row>
    <row r="781" spans="1:4" x14ac:dyDescent="0.3">
      <c r="A781" t="s">
        <v>1526</v>
      </c>
      <c r="B781" t="s">
        <v>1527</v>
      </c>
      <c r="C781" s="1">
        <v>30058</v>
      </c>
      <c r="D781" t="s">
        <v>6</v>
      </c>
    </row>
    <row r="782" spans="1:4" x14ac:dyDescent="0.3">
      <c r="A782" t="s">
        <v>1528</v>
      </c>
      <c r="B782" t="s">
        <v>1529</v>
      </c>
      <c r="C782" s="1">
        <v>8586</v>
      </c>
      <c r="D782" t="s">
        <v>9</v>
      </c>
    </row>
    <row r="783" spans="1:4" x14ac:dyDescent="0.3">
      <c r="A783" t="s">
        <v>1530</v>
      </c>
      <c r="B783" t="s">
        <v>1531</v>
      </c>
      <c r="C783" s="1">
        <v>33480</v>
      </c>
      <c r="D783" t="s">
        <v>6</v>
      </c>
    </row>
    <row r="784" spans="1:4" x14ac:dyDescent="0.3">
      <c r="A784" t="s">
        <v>1532</v>
      </c>
      <c r="B784" t="s">
        <v>1533</v>
      </c>
      <c r="C784" s="1">
        <v>15880</v>
      </c>
      <c r="D784" t="s">
        <v>9</v>
      </c>
    </row>
    <row r="785" spans="1:4" x14ac:dyDescent="0.3">
      <c r="A785" t="s">
        <v>1534</v>
      </c>
      <c r="B785" t="s">
        <v>1535</v>
      </c>
      <c r="C785" s="1">
        <v>24710</v>
      </c>
      <c r="D785" t="s">
        <v>9</v>
      </c>
    </row>
    <row r="786" spans="1:4" x14ac:dyDescent="0.3">
      <c r="A786" t="s">
        <v>1536</v>
      </c>
      <c r="B786" t="s">
        <v>1537</v>
      </c>
      <c r="C786" s="1">
        <v>21077</v>
      </c>
      <c r="D786" t="s">
        <v>6</v>
      </c>
    </row>
    <row r="787" spans="1:4" x14ac:dyDescent="0.3">
      <c r="A787" t="s">
        <v>1538</v>
      </c>
      <c r="B787" t="s">
        <v>1539</v>
      </c>
      <c r="C787" s="1">
        <v>16421</v>
      </c>
      <c r="D787" t="s">
        <v>6</v>
      </c>
    </row>
    <row r="788" spans="1:4" x14ac:dyDescent="0.3">
      <c r="A788" t="s">
        <v>1540</v>
      </c>
      <c r="B788" t="s">
        <v>1541</v>
      </c>
      <c r="C788" s="1">
        <v>14192</v>
      </c>
      <c r="D788" t="s">
        <v>6</v>
      </c>
    </row>
    <row r="789" spans="1:4" x14ac:dyDescent="0.3">
      <c r="A789" t="s">
        <v>1542</v>
      </c>
      <c r="B789" t="s">
        <v>1543</v>
      </c>
      <c r="C789" s="1">
        <v>34800</v>
      </c>
      <c r="D789" t="s">
        <v>9</v>
      </c>
    </row>
    <row r="790" spans="1:4" x14ac:dyDescent="0.3">
      <c r="A790" t="s">
        <v>1163</v>
      </c>
      <c r="B790" t="s">
        <v>1544</v>
      </c>
      <c r="C790" s="1">
        <v>12249</v>
      </c>
      <c r="D790" t="s">
        <v>9</v>
      </c>
    </row>
    <row r="791" spans="1:4" x14ac:dyDescent="0.3">
      <c r="A791" t="s">
        <v>1545</v>
      </c>
      <c r="B791" t="s">
        <v>1546</v>
      </c>
      <c r="C791" s="1">
        <v>25375</v>
      </c>
      <c r="D791" t="s">
        <v>9</v>
      </c>
    </row>
    <row r="792" spans="1:4" x14ac:dyDescent="0.3">
      <c r="A792" t="s">
        <v>1547</v>
      </c>
      <c r="B792" t="s">
        <v>1548</v>
      </c>
      <c r="C792" s="1">
        <v>22135</v>
      </c>
      <c r="D792" t="s">
        <v>6</v>
      </c>
    </row>
    <row r="793" spans="1:4" x14ac:dyDescent="0.3">
      <c r="A793" t="s">
        <v>1549</v>
      </c>
      <c r="B793" t="s">
        <v>1550</v>
      </c>
      <c r="C793" s="1">
        <v>28402</v>
      </c>
      <c r="D793" t="s">
        <v>9</v>
      </c>
    </row>
    <row r="794" spans="1:4" x14ac:dyDescent="0.3">
      <c r="A794" t="s">
        <v>1551</v>
      </c>
      <c r="B794" t="s">
        <v>1552</v>
      </c>
      <c r="C794" s="1">
        <v>20837</v>
      </c>
      <c r="D794" t="s">
        <v>6</v>
      </c>
    </row>
    <row r="795" spans="1:4" x14ac:dyDescent="0.3">
      <c r="A795" t="s">
        <v>1553</v>
      </c>
      <c r="B795" t="s">
        <v>1554</v>
      </c>
      <c r="C795" s="1">
        <v>35333</v>
      </c>
      <c r="D795" t="s">
        <v>6</v>
      </c>
    </row>
    <row r="796" spans="1:4" x14ac:dyDescent="0.3">
      <c r="A796" t="s">
        <v>1555</v>
      </c>
      <c r="B796" t="s">
        <v>1556</v>
      </c>
      <c r="C796" s="1">
        <v>32019</v>
      </c>
      <c r="D796" t="s">
        <v>6</v>
      </c>
    </row>
    <row r="797" spans="1:4" x14ac:dyDescent="0.3">
      <c r="A797" t="s">
        <v>1557</v>
      </c>
      <c r="B797" t="s">
        <v>1558</v>
      </c>
      <c r="C797" s="1">
        <v>28545</v>
      </c>
      <c r="D797" t="s">
        <v>9</v>
      </c>
    </row>
    <row r="798" spans="1:4" x14ac:dyDescent="0.3">
      <c r="A798" t="s">
        <v>1559</v>
      </c>
      <c r="B798" t="s">
        <v>1560</v>
      </c>
      <c r="C798" s="1">
        <v>18970</v>
      </c>
      <c r="D798" t="s">
        <v>9</v>
      </c>
    </row>
    <row r="799" spans="1:4" x14ac:dyDescent="0.3">
      <c r="A799" t="s">
        <v>1561</v>
      </c>
      <c r="B799" t="s">
        <v>1562</v>
      </c>
      <c r="C799" s="1">
        <v>17325</v>
      </c>
      <c r="D799" t="s">
        <v>9</v>
      </c>
    </row>
    <row r="800" spans="1:4" x14ac:dyDescent="0.3">
      <c r="A800" t="s">
        <v>1563</v>
      </c>
      <c r="B800" t="s">
        <v>1564</v>
      </c>
      <c r="C800" s="1">
        <v>25238</v>
      </c>
      <c r="D800" t="s">
        <v>9</v>
      </c>
    </row>
    <row r="801" spans="1:4" x14ac:dyDescent="0.3">
      <c r="A801" t="s">
        <v>1565</v>
      </c>
      <c r="B801" t="s">
        <v>1566</v>
      </c>
      <c r="C801" s="1">
        <v>34580</v>
      </c>
      <c r="D801" t="s">
        <v>9</v>
      </c>
    </row>
    <row r="802" spans="1:4" x14ac:dyDescent="0.3">
      <c r="A802" t="s">
        <v>1567</v>
      </c>
      <c r="B802" t="s">
        <v>1568</v>
      </c>
      <c r="C802" s="1">
        <v>30931</v>
      </c>
      <c r="D802" t="s">
        <v>9</v>
      </c>
    </row>
    <row r="803" spans="1:4" x14ac:dyDescent="0.3">
      <c r="A803" t="s">
        <v>1569</v>
      </c>
      <c r="B803" t="s">
        <v>1570</v>
      </c>
      <c r="C803" s="1">
        <v>29231</v>
      </c>
      <c r="D803" t="s">
        <v>9</v>
      </c>
    </row>
    <row r="804" spans="1:4" x14ac:dyDescent="0.3">
      <c r="A804" t="s">
        <v>1571</v>
      </c>
      <c r="B804" t="s">
        <v>1572</v>
      </c>
      <c r="C804" s="1">
        <v>33063</v>
      </c>
      <c r="D804" t="s">
        <v>9</v>
      </c>
    </row>
    <row r="805" spans="1:4" x14ac:dyDescent="0.3">
      <c r="A805" t="s">
        <v>1573</v>
      </c>
      <c r="B805" t="s">
        <v>849</v>
      </c>
      <c r="C805" s="1">
        <v>18386</v>
      </c>
      <c r="D805" t="s">
        <v>9</v>
      </c>
    </row>
    <row r="806" spans="1:4" x14ac:dyDescent="0.3">
      <c r="A806" t="s">
        <v>1574</v>
      </c>
      <c r="B806" t="s">
        <v>1575</v>
      </c>
      <c r="C806" s="1">
        <v>15165</v>
      </c>
      <c r="D806" t="s">
        <v>6</v>
      </c>
    </row>
    <row r="807" spans="1:4" x14ac:dyDescent="0.3">
      <c r="A807" t="s">
        <v>1576</v>
      </c>
      <c r="B807" t="s">
        <v>1577</v>
      </c>
      <c r="C807" s="1">
        <v>16348</v>
      </c>
      <c r="D807" t="s">
        <v>6</v>
      </c>
    </row>
    <row r="808" spans="1:4" x14ac:dyDescent="0.3">
      <c r="A808" t="s">
        <v>1578</v>
      </c>
      <c r="B808" t="s">
        <v>1579</v>
      </c>
      <c r="C808" s="1">
        <v>9706</v>
      </c>
      <c r="D808" t="s">
        <v>9</v>
      </c>
    </row>
    <row r="809" spans="1:4" x14ac:dyDescent="0.3">
      <c r="A809" t="s">
        <v>1580</v>
      </c>
      <c r="B809" t="s">
        <v>1581</v>
      </c>
      <c r="C809" s="1">
        <v>10855</v>
      </c>
      <c r="D809" t="s">
        <v>9</v>
      </c>
    </row>
    <row r="810" spans="1:4" x14ac:dyDescent="0.3">
      <c r="A810" t="s">
        <v>1582</v>
      </c>
      <c r="B810" t="s">
        <v>1583</v>
      </c>
      <c r="C810" s="1">
        <v>12515</v>
      </c>
      <c r="D810" t="s">
        <v>9</v>
      </c>
    </row>
    <row r="811" spans="1:4" x14ac:dyDescent="0.3">
      <c r="A811" t="s">
        <v>1584</v>
      </c>
      <c r="B811" t="s">
        <v>1585</v>
      </c>
      <c r="C811" s="1">
        <v>34078</v>
      </c>
      <c r="D811" t="s">
        <v>9</v>
      </c>
    </row>
    <row r="812" spans="1:4" x14ac:dyDescent="0.3">
      <c r="A812" t="s">
        <v>1586</v>
      </c>
      <c r="B812" t="s">
        <v>1587</v>
      </c>
      <c r="C812" s="1">
        <v>30075</v>
      </c>
      <c r="D812" t="s">
        <v>9</v>
      </c>
    </row>
    <row r="813" spans="1:4" x14ac:dyDescent="0.3">
      <c r="A813" t="s">
        <v>1588</v>
      </c>
      <c r="B813" t="s">
        <v>1589</v>
      </c>
      <c r="C813" s="1">
        <v>34798</v>
      </c>
      <c r="D813" t="s">
        <v>6</v>
      </c>
    </row>
    <row r="814" spans="1:4" x14ac:dyDescent="0.3">
      <c r="A814" t="s">
        <v>1590</v>
      </c>
      <c r="B814" t="s">
        <v>1591</v>
      </c>
      <c r="C814" s="1">
        <v>14441</v>
      </c>
      <c r="D814" t="s">
        <v>6</v>
      </c>
    </row>
    <row r="815" spans="1:4" x14ac:dyDescent="0.3">
      <c r="A815" t="s">
        <v>114</v>
      </c>
      <c r="B815" t="s">
        <v>1592</v>
      </c>
      <c r="C815" s="1">
        <v>28372</v>
      </c>
      <c r="D815" t="s">
        <v>6</v>
      </c>
    </row>
    <row r="816" spans="1:4" x14ac:dyDescent="0.3">
      <c r="A816" t="s">
        <v>1593</v>
      </c>
      <c r="B816" t="s">
        <v>1594</v>
      </c>
      <c r="C816" s="1">
        <v>15798</v>
      </c>
      <c r="D816" t="s">
        <v>9</v>
      </c>
    </row>
    <row r="817" spans="1:4" x14ac:dyDescent="0.3">
      <c r="A817" t="s">
        <v>1595</v>
      </c>
      <c r="B817" t="s">
        <v>1596</v>
      </c>
      <c r="C817" s="1">
        <v>20535</v>
      </c>
      <c r="D817" t="s">
        <v>9</v>
      </c>
    </row>
    <row r="818" spans="1:4" x14ac:dyDescent="0.3">
      <c r="A818" t="s">
        <v>1597</v>
      </c>
      <c r="B818" t="s">
        <v>1598</v>
      </c>
      <c r="C818" s="1">
        <v>35233</v>
      </c>
      <c r="D818" t="s">
        <v>6</v>
      </c>
    </row>
    <row r="819" spans="1:4" x14ac:dyDescent="0.3">
      <c r="A819" t="s">
        <v>651</v>
      </c>
      <c r="B819" t="s">
        <v>1599</v>
      </c>
      <c r="C819" s="1">
        <v>18094</v>
      </c>
      <c r="D819" t="s">
        <v>9</v>
      </c>
    </row>
    <row r="820" spans="1:4" x14ac:dyDescent="0.3">
      <c r="A820" t="s">
        <v>1600</v>
      </c>
      <c r="B820" t="s">
        <v>1601</v>
      </c>
      <c r="C820" s="1">
        <v>16935</v>
      </c>
      <c r="D820" t="s">
        <v>6</v>
      </c>
    </row>
    <row r="821" spans="1:4" x14ac:dyDescent="0.3">
      <c r="A821" t="s">
        <v>1602</v>
      </c>
      <c r="B821" t="s">
        <v>1603</v>
      </c>
      <c r="C821" s="1">
        <v>25317</v>
      </c>
      <c r="D821" t="s">
        <v>6</v>
      </c>
    </row>
    <row r="822" spans="1:4" x14ac:dyDescent="0.3">
      <c r="A822" t="s">
        <v>1604</v>
      </c>
      <c r="B822" t="s">
        <v>1605</v>
      </c>
      <c r="C822" s="1">
        <v>16629</v>
      </c>
      <c r="D822" t="s">
        <v>6</v>
      </c>
    </row>
    <row r="823" spans="1:4" x14ac:dyDescent="0.3">
      <c r="A823" t="s">
        <v>1606</v>
      </c>
      <c r="B823" t="s">
        <v>1607</v>
      </c>
      <c r="C823" s="1">
        <v>27137</v>
      </c>
      <c r="D823" t="s">
        <v>9</v>
      </c>
    </row>
    <row r="824" spans="1:4" x14ac:dyDescent="0.3">
      <c r="A824" t="s">
        <v>1608</v>
      </c>
      <c r="B824" t="s">
        <v>1609</v>
      </c>
      <c r="C824" s="1">
        <v>19200</v>
      </c>
      <c r="D824" t="s">
        <v>6</v>
      </c>
    </row>
    <row r="825" spans="1:4" x14ac:dyDescent="0.3">
      <c r="A825" t="s">
        <v>1610</v>
      </c>
      <c r="B825" t="s">
        <v>1611</v>
      </c>
      <c r="C825" s="1">
        <v>27865</v>
      </c>
      <c r="D825" t="s">
        <v>6</v>
      </c>
    </row>
    <row r="826" spans="1:4" x14ac:dyDescent="0.3">
      <c r="A826" t="s">
        <v>1612</v>
      </c>
      <c r="B826" t="s">
        <v>1613</v>
      </c>
      <c r="C826" s="1">
        <v>22839</v>
      </c>
      <c r="D826" t="s">
        <v>6</v>
      </c>
    </row>
    <row r="827" spans="1:4" x14ac:dyDescent="0.3">
      <c r="A827" t="s">
        <v>1614</v>
      </c>
      <c r="B827" t="s">
        <v>1615</v>
      </c>
      <c r="C827" s="1">
        <v>24991</v>
      </c>
      <c r="D827" t="s">
        <v>6</v>
      </c>
    </row>
    <row r="828" spans="1:4" x14ac:dyDescent="0.3">
      <c r="A828" t="s">
        <v>1616</v>
      </c>
      <c r="B828" t="s">
        <v>1617</v>
      </c>
      <c r="C828" s="1">
        <v>32417</v>
      </c>
      <c r="D828" t="s">
        <v>9</v>
      </c>
    </row>
    <row r="829" spans="1:4" x14ac:dyDescent="0.3">
      <c r="A829" t="s">
        <v>1618</v>
      </c>
      <c r="B829" t="s">
        <v>1619</v>
      </c>
      <c r="C829" s="1">
        <v>10260</v>
      </c>
      <c r="D829" t="s">
        <v>9</v>
      </c>
    </row>
    <row r="830" spans="1:4" x14ac:dyDescent="0.3">
      <c r="A830" t="s">
        <v>880</v>
      </c>
      <c r="B830" t="s">
        <v>1620</v>
      </c>
      <c r="C830" s="1">
        <v>13095</v>
      </c>
      <c r="D830" t="s">
        <v>6</v>
      </c>
    </row>
    <row r="831" spans="1:4" x14ac:dyDescent="0.3">
      <c r="A831" t="s">
        <v>1621</v>
      </c>
      <c r="B831" t="s">
        <v>1622</v>
      </c>
      <c r="C831" s="1">
        <v>30288</v>
      </c>
      <c r="D831" t="s">
        <v>6</v>
      </c>
    </row>
    <row r="832" spans="1:4" x14ac:dyDescent="0.3">
      <c r="A832" t="s">
        <v>1573</v>
      </c>
      <c r="B832" t="s">
        <v>1623</v>
      </c>
      <c r="C832" s="1">
        <v>20298</v>
      </c>
      <c r="D832" t="s">
        <v>9</v>
      </c>
    </row>
    <row r="833" spans="1:4" x14ac:dyDescent="0.3">
      <c r="A833" t="s">
        <v>1624</v>
      </c>
      <c r="B833" t="s">
        <v>1625</v>
      </c>
      <c r="C833" s="1">
        <v>35346</v>
      </c>
      <c r="D833" t="s">
        <v>6</v>
      </c>
    </row>
    <row r="834" spans="1:4" x14ac:dyDescent="0.3">
      <c r="A834" t="s">
        <v>1626</v>
      </c>
      <c r="B834" t="s">
        <v>1627</v>
      </c>
      <c r="C834" s="1">
        <v>28529</v>
      </c>
      <c r="D834" t="s">
        <v>6</v>
      </c>
    </row>
    <row r="835" spans="1:4" x14ac:dyDescent="0.3">
      <c r="A835" t="s">
        <v>1628</v>
      </c>
      <c r="B835" t="s">
        <v>1629</v>
      </c>
      <c r="C835" s="1">
        <v>35478</v>
      </c>
      <c r="D835" t="s">
        <v>6</v>
      </c>
    </row>
    <row r="836" spans="1:4" x14ac:dyDescent="0.3">
      <c r="A836" t="s">
        <v>1630</v>
      </c>
      <c r="B836" t="s">
        <v>1599</v>
      </c>
      <c r="C836" s="1">
        <v>30984</v>
      </c>
      <c r="D836" t="s">
        <v>9</v>
      </c>
    </row>
    <row r="837" spans="1:4" x14ac:dyDescent="0.3">
      <c r="A837" t="s">
        <v>1631</v>
      </c>
      <c r="B837" t="s">
        <v>1632</v>
      </c>
      <c r="C837" s="1">
        <v>28730</v>
      </c>
      <c r="D837" t="s">
        <v>9</v>
      </c>
    </row>
    <row r="838" spans="1:4" x14ac:dyDescent="0.3">
      <c r="A838" t="s">
        <v>1633</v>
      </c>
      <c r="B838" t="s">
        <v>1634</v>
      </c>
      <c r="C838" s="1">
        <v>25273</v>
      </c>
      <c r="D838" t="s">
        <v>9</v>
      </c>
    </row>
    <row r="839" spans="1:4" x14ac:dyDescent="0.3">
      <c r="A839" t="s">
        <v>1635</v>
      </c>
      <c r="B839" t="s">
        <v>1636</v>
      </c>
      <c r="C839" s="1">
        <v>7793</v>
      </c>
      <c r="D839" t="s">
        <v>9</v>
      </c>
    </row>
    <row r="840" spans="1:4" x14ac:dyDescent="0.3">
      <c r="A840" t="s">
        <v>1637</v>
      </c>
      <c r="B840" t="s">
        <v>1638</v>
      </c>
      <c r="C840" s="1">
        <v>20915</v>
      </c>
      <c r="D840" t="s">
        <v>9</v>
      </c>
    </row>
    <row r="841" spans="1:4" x14ac:dyDescent="0.3">
      <c r="A841" t="s">
        <v>1639</v>
      </c>
      <c r="B841" t="s">
        <v>1640</v>
      </c>
      <c r="C841" s="1">
        <v>14967</v>
      </c>
      <c r="D841" t="s">
        <v>6</v>
      </c>
    </row>
    <row r="842" spans="1:4" x14ac:dyDescent="0.3">
      <c r="A842" t="s">
        <v>1641</v>
      </c>
      <c r="B842" t="s">
        <v>1642</v>
      </c>
      <c r="C842" s="1">
        <v>13741</v>
      </c>
      <c r="D842" t="s">
        <v>9</v>
      </c>
    </row>
    <row r="843" spans="1:4" x14ac:dyDescent="0.3">
      <c r="A843" t="s">
        <v>1643</v>
      </c>
      <c r="B843" t="s">
        <v>1644</v>
      </c>
      <c r="C843" s="1">
        <v>18096</v>
      </c>
      <c r="D843" t="s">
        <v>6</v>
      </c>
    </row>
    <row r="844" spans="1:4" x14ac:dyDescent="0.3">
      <c r="A844" t="s">
        <v>1645</v>
      </c>
      <c r="B844" t="s">
        <v>1646</v>
      </c>
      <c r="C844" s="1">
        <v>33697</v>
      </c>
      <c r="D844" t="s">
        <v>6</v>
      </c>
    </row>
    <row r="845" spans="1:4" x14ac:dyDescent="0.3">
      <c r="A845" t="s">
        <v>1647</v>
      </c>
      <c r="B845" t="s">
        <v>1648</v>
      </c>
      <c r="C845" s="1">
        <v>33194</v>
      </c>
      <c r="D845" t="s">
        <v>9</v>
      </c>
    </row>
    <row r="846" spans="1:4" x14ac:dyDescent="0.3">
      <c r="A846" t="s">
        <v>1649</v>
      </c>
      <c r="B846" t="s">
        <v>1650</v>
      </c>
      <c r="C846" s="1">
        <v>25761</v>
      </c>
      <c r="D846" t="s">
        <v>9</v>
      </c>
    </row>
    <row r="847" spans="1:4" x14ac:dyDescent="0.3">
      <c r="A847" t="s">
        <v>1651</v>
      </c>
      <c r="B847" t="s">
        <v>1652</v>
      </c>
      <c r="C847" s="1">
        <v>28124</v>
      </c>
      <c r="D847" t="s">
        <v>9</v>
      </c>
    </row>
    <row r="848" spans="1:4" x14ac:dyDescent="0.3">
      <c r="A848" t="s">
        <v>1653</v>
      </c>
      <c r="B848" t="s">
        <v>1654</v>
      </c>
      <c r="C848" s="1">
        <v>33035</v>
      </c>
      <c r="D848" t="s">
        <v>9</v>
      </c>
    </row>
    <row r="849" spans="1:4" x14ac:dyDescent="0.3">
      <c r="A849" t="s">
        <v>1655</v>
      </c>
      <c r="B849" t="s">
        <v>1656</v>
      </c>
      <c r="C849" s="1">
        <v>33196</v>
      </c>
      <c r="D849" t="s">
        <v>9</v>
      </c>
    </row>
    <row r="850" spans="1:4" x14ac:dyDescent="0.3">
      <c r="A850" t="s">
        <v>1657</v>
      </c>
      <c r="B850" t="s">
        <v>1658</v>
      </c>
      <c r="C850" s="1">
        <v>18059</v>
      </c>
      <c r="D850" t="s">
        <v>6</v>
      </c>
    </row>
    <row r="851" spans="1:4" x14ac:dyDescent="0.3">
      <c r="A851" t="s">
        <v>1659</v>
      </c>
      <c r="B851" t="s">
        <v>1660</v>
      </c>
      <c r="C851" s="1">
        <v>8663</v>
      </c>
      <c r="D851" t="s">
        <v>9</v>
      </c>
    </row>
    <row r="852" spans="1:4" x14ac:dyDescent="0.3">
      <c r="A852" t="s">
        <v>1661</v>
      </c>
      <c r="B852" t="s">
        <v>1662</v>
      </c>
      <c r="C852" s="1">
        <v>10861</v>
      </c>
      <c r="D852" t="s">
        <v>9</v>
      </c>
    </row>
    <row r="853" spans="1:4" x14ac:dyDescent="0.3">
      <c r="A853" t="s">
        <v>1663</v>
      </c>
      <c r="B853" t="s">
        <v>1664</v>
      </c>
      <c r="C853" s="1">
        <v>27719</v>
      </c>
      <c r="D853" t="s">
        <v>6</v>
      </c>
    </row>
    <row r="854" spans="1:4" x14ac:dyDescent="0.3">
      <c r="A854" t="s">
        <v>1665</v>
      </c>
      <c r="B854" t="s">
        <v>1666</v>
      </c>
      <c r="C854" s="1">
        <v>26035</v>
      </c>
      <c r="D854" t="s">
        <v>6</v>
      </c>
    </row>
    <row r="855" spans="1:4" x14ac:dyDescent="0.3">
      <c r="A855" t="s">
        <v>1667</v>
      </c>
      <c r="B855" t="s">
        <v>1668</v>
      </c>
      <c r="C855" s="1">
        <v>22175</v>
      </c>
      <c r="D855" t="s">
        <v>9</v>
      </c>
    </row>
    <row r="856" spans="1:4" x14ac:dyDescent="0.3">
      <c r="A856" t="s">
        <v>1669</v>
      </c>
      <c r="B856" t="s">
        <v>1670</v>
      </c>
      <c r="C856" s="1">
        <v>19450</v>
      </c>
      <c r="D856" t="s">
        <v>9</v>
      </c>
    </row>
    <row r="857" spans="1:4" x14ac:dyDescent="0.3">
      <c r="A857" t="s">
        <v>1671</v>
      </c>
      <c r="B857" t="s">
        <v>1672</v>
      </c>
      <c r="C857" s="1">
        <v>16745</v>
      </c>
      <c r="D857" t="s">
        <v>9</v>
      </c>
    </row>
    <row r="858" spans="1:4" x14ac:dyDescent="0.3">
      <c r="A858" t="s">
        <v>1673</v>
      </c>
      <c r="B858" t="s">
        <v>1674</v>
      </c>
      <c r="C858" s="1">
        <v>13221</v>
      </c>
      <c r="D858" t="s">
        <v>6</v>
      </c>
    </row>
    <row r="859" spans="1:4" x14ac:dyDescent="0.3">
      <c r="A859" t="s">
        <v>1675</v>
      </c>
      <c r="B859" t="s">
        <v>1676</v>
      </c>
      <c r="C859" s="1">
        <v>27798</v>
      </c>
      <c r="D859" t="s">
        <v>9</v>
      </c>
    </row>
    <row r="860" spans="1:4" x14ac:dyDescent="0.3">
      <c r="A860" t="s">
        <v>1677</v>
      </c>
      <c r="B860" t="s">
        <v>1678</v>
      </c>
      <c r="C860" s="1">
        <v>10989</v>
      </c>
      <c r="D860" t="s">
        <v>9</v>
      </c>
    </row>
    <row r="861" spans="1:4" x14ac:dyDescent="0.3">
      <c r="A861" t="s">
        <v>1679</v>
      </c>
      <c r="B861" t="s">
        <v>1680</v>
      </c>
      <c r="C861" s="1">
        <v>21935</v>
      </c>
      <c r="D861" t="s">
        <v>9</v>
      </c>
    </row>
    <row r="862" spans="1:4" x14ac:dyDescent="0.3">
      <c r="A862" t="s">
        <v>1681</v>
      </c>
      <c r="B862" t="s">
        <v>1278</v>
      </c>
      <c r="C862" s="1">
        <v>14919</v>
      </c>
      <c r="D862" t="s">
        <v>6</v>
      </c>
    </row>
    <row r="863" spans="1:4" x14ac:dyDescent="0.3">
      <c r="A863" t="s">
        <v>1682</v>
      </c>
      <c r="B863" t="s">
        <v>1683</v>
      </c>
      <c r="C863" s="1">
        <v>22866</v>
      </c>
      <c r="D863" t="s">
        <v>6</v>
      </c>
    </row>
    <row r="864" spans="1:4" x14ac:dyDescent="0.3">
      <c r="A864" t="s">
        <v>1684</v>
      </c>
      <c r="B864" t="s">
        <v>1685</v>
      </c>
      <c r="C864" s="1">
        <v>17143</v>
      </c>
      <c r="D864" t="s">
        <v>6</v>
      </c>
    </row>
    <row r="865" spans="1:4" x14ac:dyDescent="0.3">
      <c r="A865" t="s">
        <v>1686</v>
      </c>
      <c r="B865" t="s">
        <v>1687</v>
      </c>
      <c r="C865" s="1">
        <v>17919</v>
      </c>
      <c r="D865" t="s">
        <v>9</v>
      </c>
    </row>
    <row r="866" spans="1:4" x14ac:dyDescent="0.3">
      <c r="A866" t="s">
        <v>1688</v>
      </c>
      <c r="B866" t="s">
        <v>1689</v>
      </c>
      <c r="C866" s="1">
        <v>32753</v>
      </c>
      <c r="D866" t="s">
        <v>6</v>
      </c>
    </row>
    <row r="867" spans="1:4" x14ac:dyDescent="0.3">
      <c r="A867" t="s">
        <v>1690</v>
      </c>
      <c r="B867" t="s">
        <v>1691</v>
      </c>
      <c r="C867" s="1">
        <v>22006</v>
      </c>
      <c r="D867" t="s">
        <v>9</v>
      </c>
    </row>
    <row r="868" spans="1:4" x14ac:dyDescent="0.3">
      <c r="A868" t="s">
        <v>1692</v>
      </c>
      <c r="B868" t="s">
        <v>1693</v>
      </c>
      <c r="C868" s="1">
        <v>7639</v>
      </c>
      <c r="D868" t="s">
        <v>9</v>
      </c>
    </row>
    <row r="869" spans="1:4" x14ac:dyDescent="0.3">
      <c r="A869" t="s">
        <v>1694</v>
      </c>
      <c r="B869" t="s">
        <v>1695</v>
      </c>
      <c r="C869" s="1">
        <v>20129</v>
      </c>
      <c r="D869" t="s">
        <v>6</v>
      </c>
    </row>
    <row r="870" spans="1:4" x14ac:dyDescent="0.3">
      <c r="A870" t="s">
        <v>1696</v>
      </c>
      <c r="B870" t="s">
        <v>1697</v>
      </c>
      <c r="C870" s="1">
        <v>27050</v>
      </c>
      <c r="D870" t="s">
        <v>9</v>
      </c>
    </row>
    <row r="871" spans="1:4" x14ac:dyDescent="0.3">
      <c r="A871" t="s">
        <v>1698</v>
      </c>
      <c r="B871" t="s">
        <v>1699</v>
      </c>
      <c r="C871" s="1">
        <v>8354</v>
      </c>
      <c r="D871" t="s">
        <v>9</v>
      </c>
    </row>
    <row r="872" spans="1:4" x14ac:dyDescent="0.3">
      <c r="A872" t="s">
        <v>1700</v>
      </c>
      <c r="B872" t="s">
        <v>1701</v>
      </c>
      <c r="C872" s="1">
        <v>18329</v>
      </c>
      <c r="D872" t="s">
        <v>9</v>
      </c>
    </row>
    <row r="873" spans="1:4" x14ac:dyDescent="0.3">
      <c r="A873" t="s">
        <v>1702</v>
      </c>
      <c r="B873" t="s">
        <v>1703</v>
      </c>
      <c r="C873" s="1">
        <v>32539</v>
      </c>
      <c r="D873" t="s">
        <v>6</v>
      </c>
    </row>
    <row r="874" spans="1:4" x14ac:dyDescent="0.3">
      <c r="A874" t="s">
        <v>1704</v>
      </c>
      <c r="B874" t="s">
        <v>1705</v>
      </c>
      <c r="C874" s="1">
        <v>35354</v>
      </c>
      <c r="D874" t="s">
        <v>9</v>
      </c>
    </row>
    <row r="875" spans="1:4" x14ac:dyDescent="0.3">
      <c r="A875" t="s">
        <v>1706</v>
      </c>
      <c r="B875" t="s">
        <v>1707</v>
      </c>
      <c r="C875" s="1">
        <v>22055</v>
      </c>
      <c r="D875" t="s">
        <v>6</v>
      </c>
    </row>
    <row r="876" spans="1:4" x14ac:dyDescent="0.3">
      <c r="A876" t="s">
        <v>1708</v>
      </c>
      <c r="B876" t="s">
        <v>1709</v>
      </c>
      <c r="C876" s="1">
        <v>22811</v>
      </c>
      <c r="D876" t="s">
        <v>9</v>
      </c>
    </row>
    <row r="877" spans="1:4" x14ac:dyDescent="0.3">
      <c r="A877" t="s">
        <v>1710</v>
      </c>
      <c r="B877" t="s">
        <v>1480</v>
      </c>
      <c r="C877" s="1">
        <v>27604</v>
      </c>
      <c r="D877" t="s">
        <v>9</v>
      </c>
    </row>
    <row r="878" spans="1:4" x14ac:dyDescent="0.3">
      <c r="A878" t="s">
        <v>1711</v>
      </c>
      <c r="B878" t="s">
        <v>1712</v>
      </c>
      <c r="C878" s="1">
        <v>35988</v>
      </c>
      <c r="D878" t="s">
        <v>6</v>
      </c>
    </row>
    <row r="879" spans="1:4" x14ac:dyDescent="0.3">
      <c r="A879" t="s">
        <v>1713</v>
      </c>
      <c r="B879" t="s">
        <v>1714</v>
      </c>
      <c r="C879" s="1">
        <v>10791</v>
      </c>
      <c r="D879" t="s">
        <v>9</v>
      </c>
    </row>
    <row r="880" spans="1:4" x14ac:dyDescent="0.3">
      <c r="A880" t="s">
        <v>1715</v>
      </c>
      <c r="B880" t="s">
        <v>1716</v>
      </c>
      <c r="C880" s="1">
        <v>13962</v>
      </c>
      <c r="D880" t="s">
        <v>9</v>
      </c>
    </row>
    <row r="881" spans="1:4" x14ac:dyDescent="0.3">
      <c r="A881" t="s">
        <v>1717</v>
      </c>
      <c r="B881" t="s">
        <v>1718</v>
      </c>
      <c r="C881" s="1">
        <v>26367</v>
      </c>
      <c r="D881" t="s">
        <v>6</v>
      </c>
    </row>
    <row r="882" spans="1:4" x14ac:dyDescent="0.3">
      <c r="A882" t="s">
        <v>1719</v>
      </c>
      <c r="B882" t="s">
        <v>1720</v>
      </c>
      <c r="C882" s="1">
        <v>30409</v>
      </c>
      <c r="D882" t="s">
        <v>6</v>
      </c>
    </row>
    <row r="883" spans="1:4" x14ac:dyDescent="0.3">
      <c r="A883" t="s">
        <v>1721</v>
      </c>
      <c r="B883" t="s">
        <v>1722</v>
      </c>
      <c r="C883" s="1">
        <v>14487</v>
      </c>
      <c r="D883" t="s">
        <v>6</v>
      </c>
    </row>
    <row r="884" spans="1:4" x14ac:dyDescent="0.3">
      <c r="A884" t="s">
        <v>1723</v>
      </c>
      <c r="B884" t="s">
        <v>1724</v>
      </c>
      <c r="C884" s="1">
        <v>29315</v>
      </c>
      <c r="D884" t="s">
        <v>6</v>
      </c>
    </row>
    <row r="885" spans="1:4" x14ac:dyDescent="0.3">
      <c r="A885" t="s">
        <v>734</v>
      </c>
      <c r="B885" t="s">
        <v>1725</v>
      </c>
      <c r="C885" s="1">
        <v>17513</v>
      </c>
      <c r="D885" t="s">
        <v>9</v>
      </c>
    </row>
    <row r="886" spans="1:4" x14ac:dyDescent="0.3">
      <c r="A886" t="s">
        <v>1726</v>
      </c>
      <c r="B886" t="s">
        <v>1727</v>
      </c>
      <c r="C886" s="1">
        <v>14359</v>
      </c>
      <c r="D886" t="s">
        <v>9</v>
      </c>
    </row>
    <row r="887" spans="1:4" x14ac:dyDescent="0.3">
      <c r="A887" t="s">
        <v>1728</v>
      </c>
      <c r="B887" t="s">
        <v>1729</v>
      </c>
      <c r="C887" s="1">
        <v>26718</v>
      </c>
      <c r="D887" t="s">
        <v>9</v>
      </c>
    </row>
    <row r="888" spans="1:4" x14ac:dyDescent="0.3">
      <c r="A888" t="s">
        <v>285</v>
      </c>
      <c r="B888" t="s">
        <v>1730</v>
      </c>
      <c r="C888" s="1">
        <v>29718</v>
      </c>
      <c r="D888" t="s">
        <v>6</v>
      </c>
    </row>
    <row r="889" spans="1:4" x14ac:dyDescent="0.3">
      <c r="A889" t="s">
        <v>1731</v>
      </c>
      <c r="B889" t="s">
        <v>1732</v>
      </c>
      <c r="C889" s="1">
        <v>10442</v>
      </c>
      <c r="D889" t="s">
        <v>9</v>
      </c>
    </row>
    <row r="890" spans="1:4" x14ac:dyDescent="0.3">
      <c r="A890" t="s">
        <v>1733</v>
      </c>
      <c r="B890" t="s">
        <v>1734</v>
      </c>
      <c r="C890" s="1">
        <v>28522</v>
      </c>
      <c r="D890" t="s">
        <v>9</v>
      </c>
    </row>
    <row r="891" spans="1:4" x14ac:dyDescent="0.3">
      <c r="A891" t="s">
        <v>1735</v>
      </c>
      <c r="B891" t="s">
        <v>1736</v>
      </c>
      <c r="C891" s="1">
        <v>25439</v>
      </c>
      <c r="D891" t="s">
        <v>9</v>
      </c>
    </row>
    <row r="892" spans="1:4" x14ac:dyDescent="0.3">
      <c r="A892" t="s">
        <v>1737</v>
      </c>
      <c r="B892" t="s">
        <v>1738</v>
      </c>
      <c r="C892" s="1">
        <v>10609</v>
      </c>
      <c r="D892" t="s">
        <v>6</v>
      </c>
    </row>
    <row r="893" spans="1:4" x14ac:dyDescent="0.3">
      <c r="A893" t="s">
        <v>138</v>
      </c>
      <c r="B893" t="s">
        <v>1739</v>
      </c>
      <c r="C893" s="1">
        <v>28102</v>
      </c>
      <c r="D893" t="s">
        <v>6</v>
      </c>
    </row>
    <row r="894" spans="1:4" x14ac:dyDescent="0.3">
      <c r="A894" t="s">
        <v>1740</v>
      </c>
      <c r="B894" t="s">
        <v>1741</v>
      </c>
      <c r="C894" s="1">
        <v>19957</v>
      </c>
      <c r="D894" t="s">
        <v>9</v>
      </c>
    </row>
    <row r="895" spans="1:4" x14ac:dyDescent="0.3">
      <c r="A895" t="s">
        <v>1742</v>
      </c>
      <c r="B895" t="s">
        <v>1743</v>
      </c>
      <c r="C895" s="1">
        <v>35044</v>
      </c>
      <c r="D895" t="s">
        <v>6</v>
      </c>
    </row>
    <row r="896" spans="1:4" x14ac:dyDescent="0.3">
      <c r="A896" t="s">
        <v>1744</v>
      </c>
      <c r="B896" t="s">
        <v>1745</v>
      </c>
      <c r="C896" s="1">
        <v>23293</v>
      </c>
      <c r="D896" t="s">
        <v>6</v>
      </c>
    </row>
    <row r="897" spans="1:4" x14ac:dyDescent="0.3">
      <c r="A897" t="s">
        <v>1746</v>
      </c>
      <c r="B897" t="s">
        <v>1747</v>
      </c>
      <c r="C897" s="1">
        <v>13251</v>
      </c>
      <c r="D897" t="s">
        <v>9</v>
      </c>
    </row>
    <row r="898" spans="1:4" x14ac:dyDescent="0.3">
      <c r="A898" t="s">
        <v>259</v>
      </c>
      <c r="B898" t="s">
        <v>1748</v>
      </c>
      <c r="C898" s="1">
        <v>12822</v>
      </c>
      <c r="D898" t="s">
        <v>6</v>
      </c>
    </row>
    <row r="899" spans="1:4" x14ac:dyDescent="0.3">
      <c r="A899" t="s">
        <v>1749</v>
      </c>
      <c r="B899" t="s">
        <v>1750</v>
      </c>
      <c r="C899" s="1">
        <v>29920</v>
      </c>
      <c r="D899" t="s">
        <v>9</v>
      </c>
    </row>
    <row r="900" spans="1:4" x14ac:dyDescent="0.3">
      <c r="A900" t="s">
        <v>1751</v>
      </c>
      <c r="B900" t="s">
        <v>1752</v>
      </c>
      <c r="C900" s="1">
        <v>14964</v>
      </c>
      <c r="D900" t="s">
        <v>9</v>
      </c>
    </row>
    <row r="901" spans="1:4" x14ac:dyDescent="0.3">
      <c r="A901" t="s">
        <v>922</v>
      </c>
      <c r="B901" t="s">
        <v>1753</v>
      </c>
      <c r="C901" s="1">
        <v>10801</v>
      </c>
      <c r="D901" t="s">
        <v>9</v>
      </c>
    </row>
    <row r="902" spans="1:4" x14ac:dyDescent="0.3">
      <c r="A902" t="s">
        <v>1754</v>
      </c>
      <c r="B902" t="s">
        <v>1755</v>
      </c>
      <c r="C902" s="1">
        <v>31626</v>
      </c>
      <c r="D902" t="s">
        <v>6</v>
      </c>
    </row>
    <row r="903" spans="1:4" x14ac:dyDescent="0.3">
      <c r="A903" t="s">
        <v>719</v>
      </c>
      <c r="B903" t="s">
        <v>1756</v>
      </c>
      <c r="C903" s="1">
        <v>18426</v>
      </c>
      <c r="D903" t="s">
        <v>9</v>
      </c>
    </row>
    <row r="904" spans="1:4" x14ac:dyDescent="0.3">
      <c r="A904" t="s">
        <v>1757</v>
      </c>
      <c r="B904" t="s">
        <v>1758</v>
      </c>
      <c r="C904" s="1">
        <v>16223</v>
      </c>
      <c r="D904" t="s">
        <v>9</v>
      </c>
    </row>
    <row r="905" spans="1:4" x14ac:dyDescent="0.3">
      <c r="A905" t="s">
        <v>1759</v>
      </c>
      <c r="B905" t="s">
        <v>1760</v>
      </c>
      <c r="C905" s="1">
        <v>32593</v>
      </c>
      <c r="D905" t="s">
        <v>9</v>
      </c>
    </row>
    <row r="906" spans="1:4" x14ac:dyDescent="0.3">
      <c r="A906" t="s">
        <v>1761</v>
      </c>
      <c r="B906" t="s">
        <v>1762</v>
      </c>
      <c r="C906" s="1">
        <v>19062</v>
      </c>
      <c r="D906" t="s">
        <v>9</v>
      </c>
    </row>
    <row r="907" spans="1:4" x14ac:dyDescent="0.3">
      <c r="A907" t="s">
        <v>305</v>
      </c>
      <c r="B907" t="s">
        <v>1763</v>
      </c>
      <c r="C907" s="1">
        <v>19906</v>
      </c>
      <c r="D907" t="s">
        <v>6</v>
      </c>
    </row>
    <row r="908" spans="1:4" x14ac:dyDescent="0.3">
      <c r="A908" t="s">
        <v>1764</v>
      </c>
      <c r="B908" t="s">
        <v>1765</v>
      </c>
      <c r="C908" s="1">
        <v>17785</v>
      </c>
      <c r="D908" t="s">
        <v>9</v>
      </c>
    </row>
    <row r="909" spans="1:4" x14ac:dyDescent="0.3">
      <c r="A909" t="s">
        <v>1766</v>
      </c>
      <c r="B909" t="s">
        <v>1767</v>
      </c>
      <c r="C909" s="1">
        <v>25560</v>
      </c>
      <c r="D909" t="s">
        <v>6</v>
      </c>
    </row>
    <row r="910" spans="1:4" x14ac:dyDescent="0.3">
      <c r="A910" t="s">
        <v>1768</v>
      </c>
      <c r="B910" t="s">
        <v>1769</v>
      </c>
      <c r="C910" s="1">
        <v>25419</v>
      </c>
      <c r="D910" t="s">
        <v>9</v>
      </c>
    </row>
    <row r="911" spans="1:4" x14ac:dyDescent="0.3">
      <c r="A911" t="s">
        <v>1770</v>
      </c>
      <c r="B911" t="s">
        <v>1771</v>
      </c>
      <c r="C911" s="1">
        <v>15492</v>
      </c>
      <c r="D911" t="s">
        <v>9</v>
      </c>
    </row>
    <row r="912" spans="1:4" x14ac:dyDescent="0.3">
      <c r="A912" t="s">
        <v>1772</v>
      </c>
      <c r="B912" t="s">
        <v>1773</v>
      </c>
      <c r="C912" s="1">
        <v>21331</v>
      </c>
      <c r="D912" t="s">
        <v>6</v>
      </c>
    </row>
    <row r="913" spans="1:4" x14ac:dyDescent="0.3">
      <c r="A913" t="s">
        <v>1774</v>
      </c>
      <c r="B913" t="s">
        <v>1775</v>
      </c>
      <c r="C913" s="1">
        <v>28413</v>
      </c>
      <c r="D913" t="s">
        <v>9</v>
      </c>
    </row>
    <row r="914" spans="1:4" x14ac:dyDescent="0.3">
      <c r="A914" t="s">
        <v>1776</v>
      </c>
      <c r="B914" t="s">
        <v>1777</v>
      </c>
      <c r="C914" s="1">
        <v>27990</v>
      </c>
      <c r="D914" t="s">
        <v>6</v>
      </c>
    </row>
    <row r="915" spans="1:4" x14ac:dyDescent="0.3">
      <c r="A915" t="s">
        <v>1778</v>
      </c>
      <c r="B915" t="s">
        <v>1779</v>
      </c>
      <c r="C915" s="1">
        <v>34286</v>
      </c>
      <c r="D915" t="s">
        <v>6</v>
      </c>
    </row>
    <row r="916" spans="1:4" x14ac:dyDescent="0.3">
      <c r="A916" t="s">
        <v>1780</v>
      </c>
      <c r="B916" t="s">
        <v>1781</v>
      </c>
      <c r="C916" s="1">
        <v>23040</v>
      </c>
      <c r="D916" t="s">
        <v>9</v>
      </c>
    </row>
    <row r="917" spans="1:4" x14ac:dyDescent="0.3">
      <c r="A917" t="s">
        <v>1782</v>
      </c>
      <c r="B917" t="s">
        <v>648</v>
      </c>
      <c r="C917" s="1">
        <v>18100</v>
      </c>
      <c r="D917" t="s">
        <v>9</v>
      </c>
    </row>
    <row r="918" spans="1:4" x14ac:dyDescent="0.3">
      <c r="A918" t="s">
        <v>1783</v>
      </c>
      <c r="B918" t="s">
        <v>1784</v>
      </c>
      <c r="C918" s="1">
        <v>15440</v>
      </c>
      <c r="D918" t="s">
        <v>6</v>
      </c>
    </row>
    <row r="919" spans="1:4" x14ac:dyDescent="0.3">
      <c r="A919" t="s">
        <v>1785</v>
      </c>
      <c r="B919" t="s">
        <v>1786</v>
      </c>
      <c r="C919" s="1">
        <v>36138</v>
      </c>
      <c r="D919" t="s">
        <v>6</v>
      </c>
    </row>
    <row r="920" spans="1:4" x14ac:dyDescent="0.3">
      <c r="A920" t="s">
        <v>1787</v>
      </c>
      <c r="B920" t="s">
        <v>1788</v>
      </c>
      <c r="C920" s="1">
        <v>20323</v>
      </c>
      <c r="D920" t="s">
        <v>6</v>
      </c>
    </row>
    <row r="921" spans="1:4" x14ac:dyDescent="0.3">
      <c r="A921" t="s">
        <v>606</v>
      </c>
      <c r="B921" t="s">
        <v>1789</v>
      </c>
      <c r="C921" s="1">
        <v>26344</v>
      </c>
      <c r="D921" t="s">
        <v>6</v>
      </c>
    </row>
    <row r="922" spans="1:4" x14ac:dyDescent="0.3">
      <c r="A922" t="s">
        <v>1790</v>
      </c>
      <c r="B922" t="s">
        <v>1791</v>
      </c>
      <c r="C922" s="1">
        <v>26650</v>
      </c>
      <c r="D922" t="s">
        <v>9</v>
      </c>
    </row>
    <row r="923" spans="1:4" x14ac:dyDescent="0.3">
      <c r="A923" t="s">
        <v>1792</v>
      </c>
      <c r="B923" t="s">
        <v>1793</v>
      </c>
      <c r="C923" s="1">
        <v>14808</v>
      </c>
      <c r="D923" t="s">
        <v>9</v>
      </c>
    </row>
    <row r="924" spans="1:4" x14ac:dyDescent="0.3">
      <c r="A924" t="s">
        <v>1794</v>
      </c>
      <c r="B924" t="s">
        <v>1795</v>
      </c>
      <c r="C924" s="1">
        <v>32916</v>
      </c>
      <c r="D924" t="s">
        <v>9</v>
      </c>
    </row>
    <row r="925" spans="1:4" x14ac:dyDescent="0.3">
      <c r="A925" t="s">
        <v>1796</v>
      </c>
      <c r="B925" t="s">
        <v>1797</v>
      </c>
      <c r="C925" s="1">
        <v>32500</v>
      </c>
      <c r="D925" t="s">
        <v>6</v>
      </c>
    </row>
    <row r="926" spans="1:4" x14ac:dyDescent="0.3">
      <c r="A926" t="s">
        <v>1798</v>
      </c>
      <c r="B926" t="s">
        <v>1799</v>
      </c>
      <c r="C926" s="1">
        <v>35118</v>
      </c>
      <c r="D926" t="s">
        <v>6</v>
      </c>
    </row>
    <row r="927" spans="1:4" x14ac:dyDescent="0.3">
      <c r="A927" t="s">
        <v>1800</v>
      </c>
      <c r="B927" t="s">
        <v>1801</v>
      </c>
      <c r="C927" s="1">
        <v>16439</v>
      </c>
      <c r="D927" t="s">
        <v>9</v>
      </c>
    </row>
    <row r="928" spans="1:4" x14ac:dyDescent="0.3">
      <c r="A928" t="s">
        <v>1802</v>
      </c>
      <c r="B928" t="s">
        <v>1803</v>
      </c>
      <c r="C928" s="1">
        <v>13854</v>
      </c>
      <c r="D928" t="s">
        <v>6</v>
      </c>
    </row>
    <row r="929" spans="1:4" x14ac:dyDescent="0.3">
      <c r="A929" t="s">
        <v>1157</v>
      </c>
      <c r="B929" t="s">
        <v>1804</v>
      </c>
      <c r="C929" s="1">
        <v>14042</v>
      </c>
      <c r="D929" t="s">
        <v>9</v>
      </c>
    </row>
    <row r="930" spans="1:4" x14ac:dyDescent="0.3">
      <c r="A930" t="s">
        <v>1805</v>
      </c>
      <c r="B930" t="s">
        <v>1806</v>
      </c>
      <c r="C930" s="1">
        <v>25354</v>
      </c>
      <c r="D930" t="s">
        <v>6</v>
      </c>
    </row>
    <row r="931" spans="1:4" x14ac:dyDescent="0.3">
      <c r="A931" t="s">
        <v>1807</v>
      </c>
      <c r="B931" t="s">
        <v>1808</v>
      </c>
      <c r="C931" s="1">
        <v>8382</v>
      </c>
      <c r="D931" t="s">
        <v>9</v>
      </c>
    </row>
    <row r="932" spans="1:4" x14ac:dyDescent="0.3">
      <c r="A932" t="s">
        <v>1809</v>
      </c>
      <c r="B932" t="s">
        <v>1810</v>
      </c>
      <c r="C932" s="1">
        <v>9916</v>
      </c>
      <c r="D932" t="s">
        <v>9</v>
      </c>
    </row>
    <row r="933" spans="1:4" x14ac:dyDescent="0.3">
      <c r="A933" t="s">
        <v>1811</v>
      </c>
      <c r="B933" t="s">
        <v>1812</v>
      </c>
      <c r="C933" s="1">
        <v>27810</v>
      </c>
      <c r="D933" t="s">
        <v>9</v>
      </c>
    </row>
    <row r="934" spans="1:4" x14ac:dyDescent="0.3">
      <c r="A934" t="s">
        <v>1813</v>
      </c>
      <c r="B934" t="s">
        <v>1814</v>
      </c>
      <c r="C934" s="1">
        <v>16221</v>
      </c>
      <c r="D934" t="s">
        <v>9</v>
      </c>
    </row>
    <row r="935" spans="1:4" x14ac:dyDescent="0.3">
      <c r="A935" t="s">
        <v>1815</v>
      </c>
      <c r="B935" t="s">
        <v>899</v>
      </c>
      <c r="C935" s="1">
        <v>21730</v>
      </c>
      <c r="D935" t="s">
        <v>9</v>
      </c>
    </row>
    <row r="936" spans="1:4" x14ac:dyDescent="0.3">
      <c r="A936" t="s">
        <v>1816</v>
      </c>
      <c r="B936" t="s">
        <v>1817</v>
      </c>
      <c r="C936" s="1">
        <v>9333</v>
      </c>
      <c r="D936" t="s">
        <v>9</v>
      </c>
    </row>
    <row r="937" spans="1:4" x14ac:dyDescent="0.3">
      <c r="A937" t="s">
        <v>1818</v>
      </c>
      <c r="B937" t="s">
        <v>1819</v>
      </c>
      <c r="C937" s="1">
        <v>14201</v>
      </c>
      <c r="D937" t="s">
        <v>9</v>
      </c>
    </row>
    <row r="938" spans="1:4" x14ac:dyDescent="0.3">
      <c r="A938" t="s">
        <v>1820</v>
      </c>
      <c r="B938" t="s">
        <v>1127</v>
      </c>
      <c r="C938" s="1">
        <v>9045</v>
      </c>
      <c r="D938" t="s">
        <v>6</v>
      </c>
    </row>
    <row r="939" spans="1:4" x14ac:dyDescent="0.3">
      <c r="A939" t="s">
        <v>1821</v>
      </c>
      <c r="B939" t="s">
        <v>1822</v>
      </c>
      <c r="C939" s="1">
        <v>25064</v>
      </c>
      <c r="D939" t="s">
        <v>6</v>
      </c>
    </row>
    <row r="940" spans="1:4" x14ac:dyDescent="0.3">
      <c r="A940" t="s">
        <v>277</v>
      </c>
      <c r="B940" t="s">
        <v>1823</v>
      </c>
      <c r="C940" s="1">
        <v>16159</v>
      </c>
      <c r="D940" t="s">
        <v>9</v>
      </c>
    </row>
    <row r="941" spans="1:4" x14ac:dyDescent="0.3">
      <c r="A941" t="s">
        <v>1824</v>
      </c>
      <c r="B941" t="s">
        <v>1825</v>
      </c>
      <c r="C941" s="1">
        <v>35371</v>
      </c>
      <c r="D941" t="s">
        <v>6</v>
      </c>
    </row>
    <row r="942" spans="1:4" x14ac:dyDescent="0.3">
      <c r="A942" t="s">
        <v>677</v>
      </c>
      <c r="B942" t="s">
        <v>1826</v>
      </c>
      <c r="C942" s="1">
        <v>7629</v>
      </c>
      <c r="D942" t="s">
        <v>9</v>
      </c>
    </row>
    <row r="943" spans="1:4" x14ac:dyDescent="0.3">
      <c r="A943" t="s">
        <v>1827</v>
      </c>
      <c r="B943" t="s">
        <v>1828</v>
      </c>
      <c r="C943" s="1">
        <v>19175</v>
      </c>
      <c r="D943" t="s">
        <v>9</v>
      </c>
    </row>
    <row r="944" spans="1:4" x14ac:dyDescent="0.3">
      <c r="A944" t="s">
        <v>1829</v>
      </c>
      <c r="B944" t="s">
        <v>1830</v>
      </c>
      <c r="C944" s="1">
        <v>23573</v>
      </c>
      <c r="D944" t="s">
        <v>9</v>
      </c>
    </row>
    <row r="945" spans="1:4" x14ac:dyDescent="0.3">
      <c r="A945" t="s">
        <v>1831</v>
      </c>
      <c r="B945" t="s">
        <v>1832</v>
      </c>
      <c r="C945" s="1">
        <v>29865</v>
      </c>
      <c r="D945" t="s">
        <v>6</v>
      </c>
    </row>
    <row r="946" spans="1:4" x14ac:dyDescent="0.3">
      <c r="A946" t="s">
        <v>1833</v>
      </c>
      <c r="B946" t="s">
        <v>1834</v>
      </c>
      <c r="C946" s="1">
        <v>10773</v>
      </c>
      <c r="D946" t="s">
        <v>6</v>
      </c>
    </row>
    <row r="947" spans="1:4" x14ac:dyDescent="0.3">
      <c r="A947" t="s">
        <v>1835</v>
      </c>
      <c r="B947" t="s">
        <v>1836</v>
      </c>
      <c r="C947" s="1">
        <v>35688</v>
      </c>
      <c r="D947" t="s">
        <v>6</v>
      </c>
    </row>
    <row r="948" spans="1:4" x14ac:dyDescent="0.3">
      <c r="A948" t="s">
        <v>1837</v>
      </c>
      <c r="B948" t="s">
        <v>1838</v>
      </c>
      <c r="C948" s="1">
        <v>20751</v>
      </c>
      <c r="D948" t="s">
        <v>9</v>
      </c>
    </row>
    <row r="949" spans="1:4" x14ac:dyDescent="0.3">
      <c r="A949" t="s">
        <v>1839</v>
      </c>
      <c r="B949" t="s">
        <v>1840</v>
      </c>
      <c r="C949" s="1">
        <v>17714</v>
      </c>
      <c r="D949" t="s">
        <v>6</v>
      </c>
    </row>
    <row r="950" spans="1:4" x14ac:dyDescent="0.3">
      <c r="A950" t="s">
        <v>1841</v>
      </c>
      <c r="B950" t="s">
        <v>1842</v>
      </c>
      <c r="C950" s="1">
        <v>35780</v>
      </c>
      <c r="D950" t="s">
        <v>6</v>
      </c>
    </row>
    <row r="951" spans="1:4" x14ac:dyDescent="0.3">
      <c r="A951" t="s">
        <v>1843</v>
      </c>
      <c r="B951" t="s">
        <v>1844</v>
      </c>
      <c r="C951" s="1">
        <v>35681</v>
      </c>
      <c r="D951" t="s">
        <v>6</v>
      </c>
    </row>
    <row r="952" spans="1:4" x14ac:dyDescent="0.3">
      <c r="A952" t="s">
        <v>1845</v>
      </c>
      <c r="B952" t="s">
        <v>1846</v>
      </c>
      <c r="C952" s="1">
        <v>28428</v>
      </c>
      <c r="D952" t="s">
        <v>6</v>
      </c>
    </row>
    <row r="953" spans="1:4" x14ac:dyDescent="0.3">
      <c r="A953" t="s">
        <v>1847</v>
      </c>
      <c r="B953" t="s">
        <v>1848</v>
      </c>
      <c r="C953" s="1">
        <v>15428</v>
      </c>
      <c r="D953" t="s">
        <v>9</v>
      </c>
    </row>
    <row r="954" spans="1:4" x14ac:dyDescent="0.3">
      <c r="A954" t="s">
        <v>1849</v>
      </c>
      <c r="B954" t="s">
        <v>1850</v>
      </c>
      <c r="C954" s="1">
        <v>12160</v>
      </c>
      <c r="D954" t="s">
        <v>6</v>
      </c>
    </row>
    <row r="955" spans="1:4" x14ac:dyDescent="0.3">
      <c r="A955" t="s">
        <v>1851</v>
      </c>
      <c r="B955" t="s">
        <v>1852</v>
      </c>
      <c r="C955" s="1">
        <v>15569</v>
      </c>
      <c r="D955" t="s">
        <v>9</v>
      </c>
    </row>
    <row r="956" spans="1:4" x14ac:dyDescent="0.3">
      <c r="A956" t="s">
        <v>1853</v>
      </c>
      <c r="B956" t="s">
        <v>1854</v>
      </c>
      <c r="C956" s="1">
        <v>25861</v>
      </c>
      <c r="D956" t="s">
        <v>9</v>
      </c>
    </row>
    <row r="957" spans="1:4" x14ac:dyDescent="0.3">
      <c r="A957" t="s">
        <v>1855</v>
      </c>
      <c r="B957" t="s">
        <v>1856</v>
      </c>
      <c r="C957" s="1">
        <v>31108</v>
      </c>
      <c r="D957" t="s">
        <v>9</v>
      </c>
    </row>
    <row r="958" spans="1:4" x14ac:dyDescent="0.3">
      <c r="A958" t="s">
        <v>1857</v>
      </c>
      <c r="B958" t="s">
        <v>1858</v>
      </c>
      <c r="C958" s="1">
        <v>12554</v>
      </c>
      <c r="D958" t="s">
        <v>9</v>
      </c>
    </row>
    <row r="959" spans="1:4" x14ac:dyDescent="0.3">
      <c r="A959" t="s">
        <v>1859</v>
      </c>
      <c r="B959" t="s">
        <v>1860</v>
      </c>
      <c r="C959" s="1">
        <v>18798</v>
      </c>
      <c r="D959" t="s">
        <v>9</v>
      </c>
    </row>
    <row r="960" spans="1:4" x14ac:dyDescent="0.3">
      <c r="A960" t="s">
        <v>1861</v>
      </c>
      <c r="B960" t="s">
        <v>1862</v>
      </c>
      <c r="C960" s="1">
        <v>20908</v>
      </c>
      <c r="D960" t="s">
        <v>9</v>
      </c>
    </row>
    <row r="961" spans="1:4" x14ac:dyDescent="0.3">
      <c r="A961" t="s">
        <v>1863</v>
      </c>
      <c r="B961" t="s">
        <v>1864</v>
      </c>
      <c r="C961" s="1">
        <v>12569</v>
      </c>
      <c r="D961" t="s">
        <v>9</v>
      </c>
    </row>
    <row r="962" spans="1:4" x14ac:dyDescent="0.3">
      <c r="A962" t="s">
        <v>1865</v>
      </c>
      <c r="B962" t="s">
        <v>1866</v>
      </c>
      <c r="C962" s="1">
        <v>24602</v>
      </c>
      <c r="D962" t="s">
        <v>6</v>
      </c>
    </row>
    <row r="963" spans="1:4" x14ac:dyDescent="0.3">
      <c r="A963" t="s">
        <v>1867</v>
      </c>
      <c r="B963" t="s">
        <v>1868</v>
      </c>
      <c r="C963" s="1">
        <v>16388</v>
      </c>
      <c r="D963" t="s">
        <v>9</v>
      </c>
    </row>
    <row r="964" spans="1:4" x14ac:dyDescent="0.3">
      <c r="A964" t="s">
        <v>1869</v>
      </c>
      <c r="B964" t="s">
        <v>1870</v>
      </c>
      <c r="C964" s="1">
        <v>29872</v>
      </c>
      <c r="D964" t="s">
        <v>9</v>
      </c>
    </row>
    <row r="965" spans="1:4" x14ac:dyDescent="0.3">
      <c r="A965" t="s">
        <v>1871</v>
      </c>
      <c r="B965" t="s">
        <v>1872</v>
      </c>
      <c r="C965" s="1">
        <v>27480</v>
      </c>
      <c r="D965" t="s">
        <v>9</v>
      </c>
    </row>
    <row r="966" spans="1:4" x14ac:dyDescent="0.3">
      <c r="A966" t="s">
        <v>1873</v>
      </c>
      <c r="B966" t="s">
        <v>1874</v>
      </c>
      <c r="C966" s="1">
        <v>31837</v>
      </c>
      <c r="D966" t="s">
        <v>9</v>
      </c>
    </row>
    <row r="967" spans="1:4" x14ac:dyDescent="0.3">
      <c r="A967" t="s">
        <v>1875</v>
      </c>
      <c r="B967" t="s">
        <v>1876</v>
      </c>
      <c r="C967" s="1">
        <v>15411</v>
      </c>
      <c r="D967" t="s">
        <v>9</v>
      </c>
    </row>
    <row r="968" spans="1:4" x14ac:dyDescent="0.3">
      <c r="A968" t="s">
        <v>1877</v>
      </c>
      <c r="B968" t="s">
        <v>1878</v>
      </c>
      <c r="C968" s="1">
        <v>30507</v>
      </c>
      <c r="D968" t="s">
        <v>9</v>
      </c>
    </row>
    <row r="969" spans="1:4" x14ac:dyDescent="0.3">
      <c r="A969" t="s">
        <v>1879</v>
      </c>
      <c r="B969" t="s">
        <v>1880</v>
      </c>
      <c r="C969" s="1">
        <v>16957</v>
      </c>
      <c r="D969" t="s">
        <v>6</v>
      </c>
    </row>
    <row r="970" spans="1:4" x14ac:dyDescent="0.3">
      <c r="A970" t="s">
        <v>1881</v>
      </c>
      <c r="B970" t="s">
        <v>1882</v>
      </c>
      <c r="C970" s="1">
        <v>18050</v>
      </c>
      <c r="D970" t="s">
        <v>9</v>
      </c>
    </row>
    <row r="971" spans="1:4" x14ac:dyDescent="0.3">
      <c r="A971" t="s">
        <v>1883</v>
      </c>
      <c r="B971" t="s">
        <v>1126</v>
      </c>
      <c r="C971" s="1">
        <v>12088</v>
      </c>
      <c r="D971" t="s">
        <v>9</v>
      </c>
    </row>
    <row r="972" spans="1:4" x14ac:dyDescent="0.3">
      <c r="A972" t="s">
        <v>1884</v>
      </c>
      <c r="B972" t="s">
        <v>1885</v>
      </c>
      <c r="C972" s="1">
        <v>34972</v>
      </c>
      <c r="D972" t="s">
        <v>9</v>
      </c>
    </row>
    <row r="973" spans="1:4" x14ac:dyDescent="0.3">
      <c r="A973" t="s">
        <v>1886</v>
      </c>
      <c r="B973" t="s">
        <v>1887</v>
      </c>
      <c r="C973" s="1">
        <v>34926</v>
      </c>
      <c r="D973" t="s">
        <v>9</v>
      </c>
    </row>
    <row r="974" spans="1:4" x14ac:dyDescent="0.3">
      <c r="A974" t="s">
        <v>1888</v>
      </c>
      <c r="B974" t="s">
        <v>1889</v>
      </c>
      <c r="C974" s="1">
        <v>28527</v>
      </c>
      <c r="D974" t="s">
        <v>6</v>
      </c>
    </row>
    <row r="975" spans="1:4" x14ac:dyDescent="0.3">
      <c r="A975" t="s">
        <v>1890</v>
      </c>
      <c r="B975" t="s">
        <v>1891</v>
      </c>
      <c r="C975" s="1">
        <v>8491</v>
      </c>
      <c r="D975" t="s">
        <v>6</v>
      </c>
    </row>
    <row r="976" spans="1:4" x14ac:dyDescent="0.3">
      <c r="A976" t="s">
        <v>1892</v>
      </c>
      <c r="B976" t="s">
        <v>1893</v>
      </c>
      <c r="C976" s="1">
        <v>20830</v>
      </c>
      <c r="D976" t="s">
        <v>9</v>
      </c>
    </row>
    <row r="977" spans="1:4" x14ac:dyDescent="0.3">
      <c r="A977" t="s">
        <v>1894</v>
      </c>
      <c r="B977" t="s">
        <v>1895</v>
      </c>
      <c r="C977" s="1">
        <v>32277</v>
      </c>
      <c r="D977" t="s">
        <v>6</v>
      </c>
    </row>
    <row r="978" spans="1:4" x14ac:dyDescent="0.3">
      <c r="A978" t="s">
        <v>1896</v>
      </c>
      <c r="B978" t="s">
        <v>1897</v>
      </c>
      <c r="C978" s="1">
        <v>23809</v>
      </c>
      <c r="D978" t="s">
        <v>9</v>
      </c>
    </row>
    <row r="979" spans="1:4" x14ac:dyDescent="0.3">
      <c r="A979" t="s">
        <v>1898</v>
      </c>
      <c r="B979" t="s">
        <v>1899</v>
      </c>
      <c r="C979" s="1">
        <v>9362</v>
      </c>
      <c r="D979" t="s">
        <v>9</v>
      </c>
    </row>
    <row r="980" spans="1:4" x14ac:dyDescent="0.3">
      <c r="A980" t="s">
        <v>1900</v>
      </c>
      <c r="B980" t="s">
        <v>1901</v>
      </c>
      <c r="C980" s="1">
        <v>26036</v>
      </c>
      <c r="D980" t="s">
        <v>6</v>
      </c>
    </row>
    <row r="981" spans="1:4" x14ac:dyDescent="0.3">
      <c r="A981" t="s">
        <v>1902</v>
      </c>
      <c r="B981" t="s">
        <v>1903</v>
      </c>
      <c r="C981" s="1">
        <v>18964</v>
      </c>
      <c r="D981" t="s">
        <v>9</v>
      </c>
    </row>
    <row r="982" spans="1:4" x14ac:dyDescent="0.3">
      <c r="A982" t="s">
        <v>1904</v>
      </c>
      <c r="B982" t="s">
        <v>855</v>
      </c>
      <c r="C982" s="1">
        <v>30098</v>
      </c>
      <c r="D982" t="s">
        <v>6</v>
      </c>
    </row>
    <row r="983" spans="1:4" x14ac:dyDescent="0.3">
      <c r="A983" t="s">
        <v>1905</v>
      </c>
      <c r="B983" t="s">
        <v>1906</v>
      </c>
      <c r="C983" s="1">
        <v>34190</v>
      </c>
      <c r="D983" t="s">
        <v>9</v>
      </c>
    </row>
    <row r="984" spans="1:4" x14ac:dyDescent="0.3">
      <c r="A984" t="s">
        <v>1907</v>
      </c>
      <c r="B984" t="s">
        <v>1908</v>
      </c>
      <c r="C984" s="1">
        <v>23506</v>
      </c>
      <c r="D984" t="s">
        <v>6</v>
      </c>
    </row>
    <row r="985" spans="1:4" x14ac:dyDescent="0.3">
      <c r="A985" t="s">
        <v>1494</v>
      </c>
      <c r="B985" t="s">
        <v>1909</v>
      </c>
      <c r="C985" s="1">
        <v>36207</v>
      </c>
      <c r="D985" t="s">
        <v>9</v>
      </c>
    </row>
    <row r="986" spans="1:4" x14ac:dyDescent="0.3">
      <c r="A986" t="s">
        <v>1910</v>
      </c>
      <c r="B986" t="s">
        <v>1911</v>
      </c>
      <c r="C986" s="1">
        <v>24572</v>
      </c>
      <c r="D986" t="s">
        <v>9</v>
      </c>
    </row>
    <row r="987" spans="1:4" x14ac:dyDescent="0.3">
      <c r="A987" t="s">
        <v>1912</v>
      </c>
      <c r="B987" t="s">
        <v>1913</v>
      </c>
      <c r="C987" s="1">
        <v>9016</v>
      </c>
      <c r="D987" t="s">
        <v>9</v>
      </c>
    </row>
    <row r="988" spans="1:4" x14ac:dyDescent="0.3">
      <c r="A988" t="s">
        <v>1914</v>
      </c>
      <c r="B988" t="s">
        <v>1915</v>
      </c>
      <c r="C988" s="1">
        <v>15090</v>
      </c>
      <c r="D988" t="s">
        <v>9</v>
      </c>
    </row>
    <row r="989" spans="1:4" x14ac:dyDescent="0.3">
      <c r="A989" t="s">
        <v>1916</v>
      </c>
      <c r="B989" t="s">
        <v>1917</v>
      </c>
      <c r="C989" s="1">
        <v>19891</v>
      </c>
      <c r="D989" t="s">
        <v>6</v>
      </c>
    </row>
    <row r="990" spans="1:4" x14ac:dyDescent="0.3">
      <c r="A990" t="s">
        <v>1918</v>
      </c>
      <c r="B990" t="s">
        <v>1919</v>
      </c>
      <c r="C990" s="1">
        <v>9327</v>
      </c>
      <c r="D990" t="s">
        <v>6</v>
      </c>
    </row>
    <row r="991" spans="1:4" x14ac:dyDescent="0.3">
      <c r="A991" t="s">
        <v>1920</v>
      </c>
      <c r="B991" t="s">
        <v>1921</v>
      </c>
      <c r="C991" s="1">
        <v>23444</v>
      </c>
      <c r="D991" t="s">
        <v>6</v>
      </c>
    </row>
    <row r="992" spans="1:4" x14ac:dyDescent="0.3">
      <c r="A992" t="s">
        <v>1922</v>
      </c>
      <c r="B992" t="s">
        <v>1923</v>
      </c>
      <c r="C992" s="1">
        <v>33099</v>
      </c>
      <c r="D992" t="s">
        <v>6</v>
      </c>
    </row>
    <row r="993" spans="1:4" x14ac:dyDescent="0.3">
      <c r="A993" t="s">
        <v>1245</v>
      </c>
      <c r="B993" t="s">
        <v>609</v>
      </c>
      <c r="C993" s="1">
        <v>35094</v>
      </c>
      <c r="D993" t="s">
        <v>6</v>
      </c>
    </row>
    <row r="994" spans="1:4" x14ac:dyDescent="0.3">
      <c r="A994" t="s">
        <v>1924</v>
      </c>
      <c r="B994" t="s">
        <v>1925</v>
      </c>
      <c r="C994" s="1">
        <v>34831</v>
      </c>
      <c r="D994" t="s">
        <v>6</v>
      </c>
    </row>
    <row r="995" spans="1:4" x14ac:dyDescent="0.3">
      <c r="A995" t="s">
        <v>1227</v>
      </c>
      <c r="B995" t="s">
        <v>1926</v>
      </c>
      <c r="C995" s="1">
        <v>24542</v>
      </c>
      <c r="D995" t="s">
        <v>6</v>
      </c>
    </row>
    <row r="996" spans="1:4" x14ac:dyDescent="0.3">
      <c r="A996" t="s">
        <v>1927</v>
      </c>
      <c r="B996" t="s">
        <v>1928</v>
      </c>
      <c r="C996" s="1">
        <v>22846</v>
      </c>
      <c r="D996" t="s">
        <v>6</v>
      </c>
    </row>
    <row r="997" spans="1:4" x14ac:dyDescent="0.3">
      <c r="A997" t="s">
        <v>1929</v>
      </c>
      <c r="B997" t="s">
        <v>1544</v>
      </c>
      <c r="C997" s="1">
        <v>31599</v>
      </c>
      <c r="D997" t="s">
        <v>9</v>
      </c>
    </row>
    <row r="998" spans="1:4" x14ac:dyDescent="0.3">
      <c r="A998" t="s">
        <v>1930</v>
      </c>
      <c r="B998" t="s">
        <v>1931</v>
      </c>
      <c r="C998" s="1">
        <v>22275</v>
      </c>
      <c r="D998" t="s">
        <v>6</v>
      </c>
    </row>
    <row r="999" spans="1:4" x14ac:dyDescent="0.3">
      <c r="A999" t="s">
        <v>1932</v>
      </c>
      <c r="B999" t="s">
        <v>1933</v>
      </c>
      <c r="C999" s="1">
        <v>31606</v>
      </c>
      <c r="D999" t="s">
        <v>6</v>
      </c>
    </row>
    <row r="1000" spans="1:4" x14ac:dyDescent="0.3">
      <c r="A1000" t="s">
        <v>1934</v>
      </c>
      <c r="B1000" t="s">
        <v>1935</v>
      </c>
      <c r="C1000" s="1">
        <v>28172</v>
      </c>
      <c r="D1000" t="s">
        <v>6</v>
      </c>
    </row>
    <row r="1001" spans="1:4" x14ac:dyDescent="0.3">
      <c r="A1001" t="s">
        <v>1936</v>
      </c>
      <c r="B1001" t="s">
        <v>1937</v>
      </c>
      <c r="C1001" s="1">
        <v>32825</v>
      </c>
      <c r="D1001" t="s">
        <v>9</v>
      </c>
    </row>
  </sheetData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MOCK_DATA (1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chmid Renato ABRAXAS</dc:creator>
  <cp:lastModifiedBy>Schmid Renato ABRAXAS</cp:lastModifiedBy>
  <dcterms:created xsi:type="dcterms:W3CDTF">2020-06-12T06:04:41Z</dcterms:created>
  <dcterms:modified xsi:type="dcterms:W3CDTF">2020-06-12T06:04:41Z</dcterms:modified>
</cp:coreProperties>
</file>